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lsx" ContentType="application/ks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charts/chart1.xml" ContentType="application/vnd.openxmlformats-officedocument.drawingml.chart+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8"/>
  </p:sldMasterIdLst>
  <p:notesMasterIdLst>
    <p:notesMasterId r:id="rId19"/>
  </p:notesMasterIdLst>
  <p:handoutMasterIdLst>
    <p:handoutMasterId r:id="rId20"/>
  </p:handoutMasterIdLst>
  <p:sldIdLst>
    <p:sldId id="310" r:id="rId9"/>
    <p:sldId id="311" r:id="rId10"/>
    <p:sldId id="312" r:id="rId11"/>
    <p:sldId id="292" r:id="rId12"/>
    <p:sldId id="315" r:id="rId13"/>
    <p:sldId id="316" r:id="rId14"/>
    <p:sldId id="317" r:id="rId15"/>
    <p:sldId id="318" r:id="rId16"/>
    <p:sldId id="319" r:id="rId17"/>
    <p:sldId id="271" r:id="rId18"/>
  </p:sldIdLst>
  <p:sldSz cx="9144000" cy="5143500" type="screen16x9"/>
  <p:notesSz cx="6858000" cy="9144000"/>
  <p:defaultText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43" userDrawn="1">
          <p15:clr>
            <a:srgbClr val="A4A3A4"/>
          </p15:clr>
        </p15:guide>
        <p15:guide id="2" pos="288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00802F"/>
    <a:srgbClr val="2AA63F"/>
    <a:srgbClr val="E31C3D"/>
    <a:srgbClr val="F46A0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8844E89-A23B-4275-A9D1-E24270C63FB0}" v="4" dt="2023-02-01T15:07:15.164"/>
  </p1510:revLst>
</p1510:revInfo>
</file>

<file path=ppt/tableStyles.xml><?xml version="1.0" encoding="utf-8"?>
<a:tblStyleLst xmlns:a="http://schemas.openxmlformats.org/drawingml/2006/main" def="{0E3FDE45-AF77-4B5C-9715-49D594BDF05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5940675A-B579-460E-94D1-54222C63F5DA}" styleName="Keine Formatvorlage, Tabellenraster">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5DA37D80-6434-44D0-A028-1B22A696006F}" styleName="Helle Formatvorlage 3 - Akzent 2">
    <a:wholeTbl>
      <a:tcTxStyle>
        <a:fontRef idx="minor">
          <a:scrgbClr r="0" g="0" b="0"/>
        </a:fontRef>
        <a:schemeClr val="tx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w="12700" cmpd="sng">
              <a:solidFill>
                <a:schemeClr val="accent2"/>
              </a:solidFill>
            </a:ln>
          </a:insideV>
        </a:tcBdr>
        <a:fill>
          <a:noFill/>
        </a:fill>
      </a:tcStyle>
    </a:wholeTbl>
    <a:band1H>
      <a:tcStyle>
        <a:tcBdr/>
        <a:fill>
          <a:solidFill>
            <a:schemeClr val="accent2">
              <a:alpha val="20000"/>
            </a:schemeClr>
          </a:solidFill>
        </a:fill>
      </a:tcStyle>
    </a:band1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noFill/>
        </a:fill>
      </a:tcStyle>
    </a:lastRow>
    <a:firstRow>
      <a:tcTxStyle b="on"/>
      <a:tcStyle>
        <a:tcBdr>
          <a:bottom>
            <a:ln w="25400" cmpd="sng">
              <a:solidFill>
                <a:schemeClr val="accent2"/>
              </a:solidFill>
            </a:ln>
          </a:bottom>
        </a:tcBdr>
        <a:fill>
          <a:noFill/>
        </a:fill>
      </a:tcStyle>
    </a:firstRow>
  </a:tblStyle>
  <a:tblStyle styleId="{8A107856-5554-42FB-B03E-39F5DBC370BA}" styleName="Mittlere Formatvorlage 4 - Akz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w="12700" cmpd="sng">
              <a:solidFill>
                <a:schemeClr val="accent2"/>
              </a:solidFill>
            </a:ln>
          </a:insideV>
        </a:tcBdr>
        <a:fill>
          <a:solidFill>
            <a:schemeClr val="accent2">
              <a:tint val="20000"/>
            </a:schemeClr>
          </a:solidFill>
        </a:fill>
      </a:tcStyle>
    </a:wholeTbl>
    <a:band1H>
      <a:tcStyle>
        <a:tcBdr/>
        <a:fill>
          <a:solidFill>
            <a:schemeClr val="accent2">
              <a:tint val="40000"/>
            </a:schemeClr>
          </a:solidFill>
        </a:fill>
      </a:tcStyle>
    </a:band1H>
    <a:band1V>
      <a:tcStyle>
        <a:tcBdr/>
        <a:fill>
          <a:solidFill>
            <a:schemeClr val="accent2">
              <a:tint val="40000"/>
            </a:schemeClr>
          </a:solidFill>
        </a:fill>
      </a:tcStyle>
    </a:band1V>
    <a:lastCol>
      <a:tcTxStyle b="on"/>
      <a:tcStyle>
        <a:tcBdr/>
      </a:tcStyle>
    </a:lastCol>
    <a:firstCol>
      <a:tcTxStyle b="on"/>
      <a:tcStyle>
        <a:tcBdr/>
      </a:tcStyle>
    </a:firstCol>
    <a:lastRow>
      <a:tcTxStyle b="on"/>
      <a:tcStyle>
        <a:tcBdr>
          <a:top>
            <a:ln w="25400" cmpd="sng">
              <a:solidFill>
                <a:schemeClr val="accent2"/>
              </a:solidFill>
            </a:ln>
          </a:top>
        </a:tcBdr>
        <a:fill>
          <a:solidFill>
            <a:schemeClr val="accent2">
              <a:tint val="20000"/>
            </a:schemeClr>
          </a:solidFill>
        </a:fill>
      </a:tcStyle>
    </a:lastRow>
    <a:firstRow>
      <a:tcTxStyle b="on"/>
      <a:tcStyle>
        <a:tcBdr/>
        <a:fill>
          <a:solidFill>
            <a:schemeClr val="accent2">
              <a:tint val="20000"/>
            </a:schemeClr>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62" d="100"/>
          <a:sy n="162" d="100"/>
        </p:scale>
        <p:origin x="132" y="144"/>
      </p:cViewPr>
      <p:guideLst>
        <p:guide orient="horz" pos="1643"/>
        <p:guide pos="2880"/>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microsoft.com/office/2016/11/relationships/changesInfo" Target="changesInfos/changesInfo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theme" Target="theme/theme1.xml"/><Relationship Id="rId10" Type="http://schemas.openxmlformats.org/officeDocument/2006/relationships/slide" Target="slides/slide2.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ianchi, Sascha" userId="S::sascha.bianchi@unisg.ch::b6c31fb8-48fb-4302-b2cd-81a24de3ee13" providerId="AD" clId="Web-{3655F415-A620-98A1-3120-68B2C8160B5F}"/>
    <pc:docChg chg="modSld">
      <pc:chgData name="Bianchi, Sascha" userId="S::sascha.bianchi@unisg.ch::b6c31fb8-48fb-4302-b2cd-81a24de3ee13" providerId="AD" clId="Web-{3655F415-A620-98A1-3120-68B2C8160B5F}" dt="2023-01-24T07:21:02.368" v="1" actId="1076"/>
      <pc:docMkLst>
        <pc:docMk/>
      </pc:docMkLst>
      <pc:sldChg chg="addSp modSp">
        <pc:chgData name="Bianchi, Sascha" userId="S::sascha.bianchi@unisg.ch::b6c31fb8-48fb-4302-b2cd-81a24de3ee13" providerId="AD" clId="Web-{3655F415-A620-98A1-3120-68B2C8160B5F}" dt="2023-01-24T07:21:02.368" v="1" actId="1076"/>
        <pc:sldMkLst>
          <pc:docMk/>
          <pc:sldMk cId="1839928949" sldId="292"/>
        </pc:sldMkLst>
        <pc:spChg chg="add mod">
          <ac:chgData name="Bianchi, Sascha" userId="S::sascha.bianchi@unisg.ch::b6c31fb8-48fb-4302-b2cd-81a24de3ee13" providerId="AD" clId="Web-{3655F415-A620-98A1-3120-68B2C8160B5F}" dt="2023-01-24T07:21:02.368" v="1" actId="1076"/>
          <ac:spMkLst>
            <pc:docMk/>
            <pc:sldMk cId="1839928949" sldId="292"/>
            <ac:spMk id="11" creationId="{44E0C8E5-96F3-66EE-FF80-711DAC9BB41B}"/>
          </ac:spMkLst>
        </pc:spChg>
      </pc:sldChg>
    </pc:docChg>
  </pc:docChgLst>
  <pc:docChgLst>
    <pc:chgData name="Weise, JanaLea" userId="S::janalea.weise@unisg.ch::12609bf0-98b9-4b6b-bb54-7237c71eeea2" providerId="AD" clId="Web-{5C90D24D-035B-37FA-F52D-E67BB83128DC}"/>
    <pc:docChg chg="modSld">
      <pc:chgData name="Weise, JanaLea" userId="S::janalea.weise@unisg.ch::12609bf0-98b9-4b6b-bb54-7237c71eeea2" providerId="AD" clId="Web-{5C90D24D-035B-37FA-F52D-E67BB83128DC}" dt="2023-01-19T12:53:34.929" v="1" actId="14100"/>
      <pc:docMkLst>
        <pc:docMk/>
      </pc:docMkLst>
      <pc:sldChg chg="modSp">
        <pc:chgData name="Weise, JanaLea" userId="S::janalea.weise@unisg.ch::12609bf0-98b9-4b6b-bb54-7237c71eeea2" providerId="AD" clId="Web-{5C90D24D-035B-37FA-F52D-E67BB83128DC}" dt="2023-01-19T12:53:34.929" v="1" actId="14100"/>
        <pc:sldMkLst>
          <pc:docMk/>
          <pc:sldMk cId="3477320989" sldId="289"/>
        </pc:sldMkLst>
        <pc:spChg chg="mod">
          <ac:chgData name="Weise, JanaLea" userId="S::janalea.weise@unisg.ch::12609bf0-98b9-4b6b-bb54-7237c71eeea2" providerId="AD" clId="Web-{5C90D24D-035B-37FA-F52D-E67BB83128DC}" dt="2023-01-19T12:53:34.929" v="1" actId="14100"/>
          <ac:spMkLst>
            <pc:docMk/>
            <pc:sldMk cId="3477320989" sldId="289"/>
            <ac:spMk id="4" creationId="{A3EAB7F8-0C41-439E-8EB2-6E73EEEACA61}"/>
          </ac:spMkLst>
        </pc:spChg>
      </pc:sldChg>
    </pc:docChg>
  </pc:docChgLst>
  <pc:docChgLst>
    <pc:chgData name="Alghisi, Stefano" userId="S::stefano.alghisi@unisg.ch::faf76a80-94fb-467b-8090-9b1ae0cda169" providerId="AD" clId="Web-{F423F583-50F5-E036-AE2A-D38C434B7C60}"/>
    <pc:docChg chg="modSld">
      <pc:chgData name="Alghisi, Stefano" userId="S::stefano.alghisi@unisg.ch::faf76a80-94fb-467b-8090-9b1ae0cda169" providerId="AD" clId="Web-{F423F583-50F5-E036-AE2A-D38C434B7C60}" dt="2023-01-24T07:05:58.454" v="22" actId="20577"/>
      <pc:docMkLst>
        <pc:docMk/>
      </pc:docMkLst>
      <pc:sldChg chg="modSp">
        <pc:chgData name="Alghisi, Stefano" userId="S::stefano.alghisi@unisg.ch::faf76a80-94fb-467b-8090-9b1ae0cda169" providerId="AD" clId="Web-{F423F583-50F5-E036-AE2A-D38C434B7C60}" dt="2023-01-24T07:05:58.454" v="22" actId="20577"/>
        <pc:sldMkLst>
          <pc:docMk/>
          <pc:sldMk cId="3688319644" sldId="271"/>
        </pc:sldMkLst>
        <pc:spChg chg="mod">
          <ac:chgData name="Alghisi, Stefano" userId="S::stefano.alghisi@unisg.ch::faf76a80-94fb-467b-8090-9b1ae0cda169" providerId="AD" clId="Web-{F423F583-50F5-E036-AE2A-D38C434B7C60}" dt="2023-01-24T07:05:54.704" v="20" actId="20577"/>
          <ac:spMkLst>
            <pc:docMk/>
            <pc:sldMk cId="3688319644" sldId="271"/>
            <ac:spMk id="6" creationId="{E824696A-7729-409A-82A6-A1882A1979CD}"/>
          </ac:spMkLst>
        </pc:spChg>
        <pc:spChg chg="mod">
          <ac:chgData name="Alghisi, Stefano" userId="S::stefano.alghisi@unisg.ch::faf76a80-94fb-467b-8090-9b1ae0cda169" providerId="AD" clId="Web-{F423F583-50F5-E036-AE2A-D38C434B7C60}" dt="2023-01-24T07:05:58.454" v="22" actId="20577"/>
          <ac:spMkLst>
            <pc:docMk/>
            <pc:sldMk cId="3688319644" sldId="271"/>
            <ac:spMk id="24" creationId="{6C9EA477-7A7D-4BD5-A32A-2431705E2C07}"/>
          </ac:spMkLst>
        </pc:spChg>
      </pc:sldChg>
      <pc:sldChg chg="modSp">
        <pc:chgData name="Alghisi, Stefano" userId="S::stefano.alghisi@unisg.ch::faf76a80-94fb-467b-8090-9b1ae0cda169" providerId="AD" clId="Web-{F423F583-50F5-E036-AE2A-D38C434B7C60}" dt="2023-01-24T06:56:52.618" v="6" actId="20577"/>
        <pc:sldMkLst>
          <pc:docMk/>
          <pc:sldMk cId="297805611" sldId="298"/>
        </pc:sldMkLst>
        <pc:spChg chg="mod">
          <ac:chgData name="Alghisi, Stefano" userId="S::stefano.alghisi@unisg.ch::faf76a80-94fb-467b-8090-9b1ae0cda169" providerId="AD" clId="Web-{F423F583-50F5-E036-AE2A-D38C434B7C60}" dt="2023-01-24T06:56:52.618" v="6" actId="20577"/>
          <ac:spMkLst>
            <pc:docMk/>
            <pc:sldMk cId="297805611" sldId="298"/>
            <ac:spMk id="10" creationId="{C7CF0C3C-D620-4C37-B8DF-A35AA1E2369E}"/>
          </ac:spMkLst>
        </pc:spChg>
      </pc:sldChg>
      <pc:sldChg chg="modSp">
        <pc:chgData name="Alghisi, Stefano" userId="S::stefano.alghisi@unisg.ch::faf76a80-94fb-467b-8090-9b1ae0cda169" providerId="AD" clId="Web-{F423F583-50F5-E036-AE2A-D38C434B7C60}" dt="2023-01-24T06:58:55.948" v="16"/>
        <pc:sldMkLst>
          <pc:docMk/>
          <pc:sldMk cId="3803277839" sldId="304"/>
        </pc:sldMkLst>
        <pc:graphicFrameChg chg="mod modGraphic">
          <ac:chgData name="Alghisi, Stefano" userId="S::stefano.alghisi@unisg.ch::faf76a80-94fb-467b-8090-9b1ae0cda169" providerId="AD" clId="Web-{F423F583-50F5-E036-AE2A-D38C434B7C60}" dt="2023-01-24T06:58:55.948" v="16"/>
          <ac:graphicFrameMkLst>
            <pc:docMk/>
            <pc:sldMk cId="3803277839" sldId="304"/>
            <ac:graphicFrameMk id="19" creationId="{666D4FB8-8916-494B-BBBF-22D9BFD45962}"/>
          </ac:graphicFrameMkLst>
        </pc:graphicFrameChg>
      </pc:sldChg>
      <pc:sldChg chg="modSp">
        <pc:chgData name="Alghisi, Stefano" userId="S::stefano.alghisi@unisg.ch::faf76a80-94fb-467b-8090-9b1ae0cda169" providerId="AD" clId="Web-{F423F583-50F5-E036-AE2A-D38C434B7C60}" dt="2023-01-24T07:01:46.778" v="19" actId="20577"/>
        <pc:sldMkLst>
          <pc:docMk/>
          <pc:sldMk cId="2663114340" sldId="305"/>
        </pc:sldMkLst>
        <pc:spChg chg="mod">
          <ac:chgData name="Alghisi, Stefano" userId="S::stefano.alghisi@unisg.ch::faf76a80-94fb-467b-8090-9b1ae0cda169" providerId="AD" clId="Web-{F423F583-50F5-E036-AE2A-D38C434B7C60}" dt="2023-01-24T07:01:31.606" v="18" actId="20577"/>
          <ac:spMkLst>
            <pc:docMk/>
            <pc:sldMk cId="2663114340" sldId="305"/>
            <ac:spMk id="16" creationId="{6F77DBFD-9552-4724-9B04-C358BC735725}"/>
          </ac:spMkLst>
        </pc:spChg>
        <pc:spChg chg="mod">
          <ac:chgData name="Alghisi, Stefano" userId="S::stefano.alghisi@unisg.ch::faf76a80-94fb-467b-8090-9b1ae0cda169" providerId="AD" clId="Web-{F423F583-50F5-E036-AE2A-D38C434B7C60}" dt="2023-01-24T07:01:46.778" v="19" actId="20577"/>
          <ac:spMkLst>
            <pc:docMk/>
            <pc:sldMk cId="2663114340" sldId="305"/>
            <ac:spMk id="23" creationId="{7853229E-44C7-4DBF-A105-49CB4B62F16C}"/>
          </ac:spMkLst>
        </pc:spChg>
      </pc:sldChg>
      <pc:sldChg chg="modSp">
        <pc:chgData name="Alghisi, Stefano" userId="S::stefano.alghisi@unisg.ch::faf76a80-94fb-467b-8090-9b1ae0cda169" providerId="AD" clId="Web-{F423F583-50F5-E036-AE2A-D38C434B7C60}" dt="2023-01-24T06:54:02.788" v="2" actId="20577"/>
        <pc:sldMkLst>
          <pc:docMk/>
          <pc:sldMk cId="1328112424" sldId="306"/>
        </pc:sldMkLst>
        <pc:spChg chg="mod">
          <ac:chgData name="Alghisi, Stefano" userId="S::stefano.alghisi@unisg.ch::faf76a80-94fb-467b-8090-9b1ae0cda169" providerId="AD" clId="Web-{F423F583-50F5-E036-AE2A-D38C434B7C60}" dt="2023-01-24T06:54:02.788" v="2" actId="20577"/>
          <ac:spMkLst>
            <pc:docMk/>
            <pc:sldMk cId="1328112424" sldId="306"/>
            <ac:spMk id="2" creationId="{9A78A7D5-403E-4A0B-9590-A55A34D0A849}"/>
          </ac:spMkLst>
        </pc:spChg>
      </pc:sldChg>
      <pc:sldChg chg="modSp">
        <pc:chgData name="Alghisi, Stefano" userId="S::stefano.alghisi@unisg.ch::faf76a80-94fb-467b-8090-9b1ae0cda169" providerId="AD" clId="Web-{F423F583-50F5-E036-AE2A-D38C434B7C60}" dt="2023-01-24T06:54:30.695" v="5" actId="20577"/>
        <pc:sldMkLst>
          <pc:docMk/>
          <pc:sldMk cId="2411013999" sldId="307"/>
        </pc:sldMkLst>
        <pc:spChg chg="mod">
          <ac:chgData name="Alghisi, Stefano" userId="S::stefano.alghisi@unisg.ch::faf76a80-94fb-467b-8090-9b1ae0cda169" providerId="AD" clId="Web-{F423F583-50F5-E036-AE2A-D38C434B7C60}" dt="2023-01-24T06:54:30.695" v="5" actId="20577"/>
          <ac:spMkLst>
            <pc:docMk/>
            <pc:sldMk cId="2411013999" sldId="307"/>
            <ac:spMk id="2" creationId="{9A78A7D5-403E-4A0B-9590-A55A34D0A849}"/>
          </ac:spMkLst>
        </pc:spChg>
      </pc:sldChg>
    </pc:docChg>
  </pc:docChgLst>
  <pc:docChgLst>
    <pc:chgData name="Bianchi, Sascha" userId="S::sascha.bianchi@unisg.ch::b6c31fb8-48fb-4302-b2cd-81a24de3ee13" providerId="AD" clId="Web-{0C760A58-7F6F-7218-FFBA-ED91F84C26B5}"/>
    <pc:docChg chg="delSld modSld">
      <pc:chgData name="Bianchi, Sascha" userId="S::sascha.bianchi@unisg.ch::b6c31fb8-48fb-4302-b2cd-81a24de3ee13" providerId="AD" clId="Web-{0C760A58-7F6F-7218-FFBA-ED91F84C26B5}" dt="2023-01-23T09:22:49.236" v="3"/>
      <pc:docMkLst>
        <pc:docMk/>
      </pc:docMkLst>
      <pc:sldChg chg="modSp">
        <pc:chgData name="Bianchi, Sascha" userId="S::sascha.bianchi@unisg.ch::b6c31fb8-48fb-4302-b2cd-81a24de3ee13" providerId="AD" clId="Web-{0C760A58-7F6F-7218-FFBA-ED91F84C26B5}" dt="2023-01-23T09:22:48.080" v="2" actId="20577"/>
        <pc:sldMkLst>
          <pc:docMk/>
          <pc:sldMk cId="3477320989" sldId="289"/>
        </pc:sldMkLst>
        <pc:spChg chg="mod">
          <ac:chgData name="Bianchi, Sascha" userId="S::sascha.bianchi@unisg.ch::b6c31fb8-48fb-4302-b2cd-81a24de3ee13" providerId="AD" clId="Web-{0C760A58-7F6F-7218-FFBA-ED91F84C26B5}" dt="2023-01-23T09:22:48.080" v="2" actId="20577"/>
          <ac:spMkLst>
            <pc:docMk/>
            <pc:sldMk cId="3477320989" sldId="289"/>
            <ac:spMk id="3" creationId="{4C0AE831-502B-46E0-A4A1-E1A94674D960}"/>
          </ac:spMkLst>
        </pc:spChg>
      </pc:sldChg>
      <pc:sldChg chg="del">
        <pc:chgData name="Bianchi, Sascha" userId="S::sascha.bianchi@unisg.ch::b6c31fb8-48fb-4302-b2cd-81a24de3ee13" providerId="AD" clId="Web-{0C760A58-7F6F-7218-FFBA-ED91F84C26B5}" dt="2023-01-23T09:22:49.236" v="3"/>
        <pc:sldMkLst>
          <pc:docMk/>
          <pc:sldMk cId="2402912070" sldId="290"/>
        </pc:sldMkLst>
      </pc:sldChg>
    </pc:docChg>
  </pc:docChgLst>
  <pc:docChgLst>
    <pc:chgData name="Alghisi, Stefano" userId="S::stefano.alghisi@unisg.ch::faf76a80-94fb-467b-8090-9b1ae0cda169" providerId="AD" clId="Web-{3ABD91BF-A79D-63EA-65A4-FAA4F0515692}"/>
    <pc:docChg chg="modSld">
      <pc:chgData name="Alghisi, Stefano" userId="S::stefano.alghisi@unisg.ch::faf76a80-94fb-467b-8090-9b1ae0cda169" providerId="AD" clId="Web-{3ABD91BF-A79D-63EA-65A4-FAA4F0515692}" dt="2023-01-23T08:46:27.748" v="3" actId="20577"/>
      <pc:docMkLst>
        <pc:docMk/>
      </pc:docMkLst>
      <pc:sldChg chg="modSp">
        <pc:chgData name="Alghisi, Stefano" userId="S::stefano.alghisi@unisg.ch::faf76a80-94fb-467b-8090-9b1ae0cda169" providerId="AD" clId="Web-{3ABD91BF-A79D-63EA-65A4-FAA4F0515692}" dt="2023-01-23T08:46:27.748" v="3" actId="20577"/>
        <pc:sldMkLst>
          <pc:docMk/>
          <pc:sldMk cId="3477320989" sldId="289"/>
        </pc:sldMkLst>
        <pc:spChg chg="mod">
          <ac:chgData name="Alghisi, Stefano" userId="S::stefano.alghisi@unisg.ch::faf76a80-94fb-467b-8090-9b1ae0cda169" providerId="AD" clId="Web-{3ABD91BF-A79D-63EA-65A4-FAA4F0515692}" dt="2023-01-23T08:46:27.748" v="3" actId="20577"/>
          <ac:spMkLst>
            <pc:docMk/>
            <pc:sldMk cId="3477320989" sldId="289"/>
            <ac:spMk id="3" creationId="{4C0AE831-502B-46E0-A4A1-E1A94674D960}"/>
          </ac:spMkLst>
        </pc:spChg>
      </pc:sldChg>
    </pc:docChg>
  </pc:docChgLst>
  <pc:docChgLst>
    <pc:chgData name="Bianchi, Sascha" userId="b6c31fb8-48fb-4302-b2cd-81a24de3ee13" providerId="ADAL" clId="{09EB3350-1D0F-4B15-9CFF-C6D73D104B3E}"/>
    <pc:docChg chg="undo redo custSel addSld delSld modSld sldOrd">
      <pc:chgData name="Bianchi, Sascha" userId="b6c31fb8-48fb-4302-b2cd-81a24de3ee13" providerId="ADAL" clId="{09EB3350-1D0F-4B15-9CFF-C6D73D104B3E}" dt="2023-01-24T13:20:41.916" v="2639"/>
      <pc:docMkLst>
        <pc:docMk/>
      </pc:docMkLst>
      <pc:sldChg chg="modSp mod">
        <pc:chgData name="Bianchi, Sascha" userId="b6c31fb8-48fb-4302-b2cd-81a24de3ee13" providerId="ADAL" clId="{09EB3350-1D0F-4B15-9CFF-C6D73D104B3E}" dt="2023-01-24T07:25:29.644" v="1479" actId="20577"/>
        <pc:sldMkLst>
          <pc:docMk/>
          <pc:sldMk cId="3688319644" sldId="271"/>
        </pc:sldMkLst>
        <pc:spChg chg="mod">
          <ac:chgData name="Bianchi, Sascha" userId="b6c31fb8-48fb-4302-b2cd-81a24de3ee13" providerId="ADAL" clId="{09EB3350-1D0F-4B15-9CFF-C6D73D104B3E}" dt="2023-01-24T07:25:29.644" v="1479" actId="20577"/>
          <ac:spMkLst>
            <pc:docMk/>
            <pc:sldMk cId="3688319644" sldId="271"/>
            <ac:spMk id="24" creationId="{6C9EA477-7A7D-4BD5-A32A-2431705E2C07}"/>
          </ac:spMkLst>
        </pc:spChg>
      </pc:sldChg>
      <pc:sldChg chg="del">
        <pc:chgData name="Bianchi, Sascha" userId="b6c31fb8-48fb-4302-b2cd-81a24de3ee13" providerId="ADAL" clId="{09EB3350-1D0F-4B15-9CFF-C6D73D104B3E}" dt="2023-01-24T07:35:41.554" v="1546" actId="47"/>
        <pc:sldMkLst>
          <pc:docMk/>
          <pc:sldMk cId="206559272" sldId="287"/>
        </pc:sldMkLst>
      </pc:sldChg>
      <pc:sldChg chg="addSp delSp modSp mod">
        <pc:chgData name="Bianchi, Sascha" userId="b6c31fb8-48fb-4302-b2cd-81a24de3ee13" providerId="ADAL" clId="{09EB3350-1D0F-4B15-9CFF-C6D73D104B3E}" dt="2023-01-24T13:20:41.916" v="2639"/>
        <pc:sldMkLst>
          <pc:docMk/>
          <pc:sldMk cId="1989932014" sldId="288"/>
        </pc:sldMkLst>
        <pc:spChg chg="mod">
          <ac:chgData name="Bianchi, Sascha" userId="b6c31fb8-48fb-4302-b2cd-81a24de3ee13" providerId="ADAL" clId="{09EB3350-1D0F-4B15-9CFF-C6D73D104B3E}" dt="2023-01-23T09:44:47.082" v="747" actId="14100"/>
          <ac:spMkLst>
            <pc:docMk/>
            <pc:sldMk cId="1989932014" sldId="288"/>
            <ac:spMk id="5" creationId="{0BFBED5B-A627-4858-AE6A-0AEEFAA6C10E}"/>
          </ac:spMkLst>
        </pc:spChg>
        <pc:picChg chg="del">
          <ac:chgData name="Bianchi, Sascha" userId="b6c31fb8-48fb-4302-b2cd-81a24de3ee13" providerId="ADAL" clId="{09EB3350-1D0F-4B15-9CFF-C6D73D104B3E}" dt="2023-01-23T09:44:23.558" v="692" actId="478"/>
          <ac:picMkLst>
            <pc:docMk/>
            <pc:sldMk cId="1989932014" sldId="288"/>
            <ac:picMk id="2" creationId="{37D742B7-8B5D-4B7F-BD84-47BB25DF31D1}"/>
          </ac:picMkLst>
        </pc:picChg>
        <pc:picChg chg="mod">
          <ac:chgData name="Bianchi, Sascha" userId="b6c31fb8-48fb-4302-b2cd-81a24de3ee13" providerId="ADAL" clId="{09EB3350-1D0F-4B15-9CFF-C6D73D104B3E}" dt="2023-01-23T09:44:43.382" v="746" actId="1036"/>
          <ac:picMkLst>
            <pc:docMk/>
            <pc:sldMk cId="1989932014" sldId="288"/>
            <ac:picMk id="4" creationId="{0C33D683-ED29-42D1-8564-B17EEF59F981}"/>
          </ac:picMkLst>
        </pc:picChg>
        <pc:picChg chg="add del mod">
          <ac:chgData name="Bianchi, Sascha" userId="b6c31fb8-48fb-4302-b2cd-81a24de3ee13" providerId="ADAL" clId="{09EB3350-1D0F-4B15-9CFF-C6D73D104B3E}" dt="2023-01-24T13:20:41.533" v="2638" actId="478"/>
          <ac:picMkLst>
            <pc:docMk/>
            <pc:sldMk cId="1989932014" sldId="288"/>
            <ac:picMk id="6" creationId="{1F843D46-6B47-4F1E-8D03-BFFC5BCF1591}"/>
          </ac:picMkLst>
        </pc:picChg>
        <pc:picChg chg="add mod">
          <ac:chgData name="Bianchi, Sascha" userId="b6c31fb8-48fb-4302-b2cd-81a24de3ee13" providerId="ADAL" clId="{09EB3350-1D0F-4B15-9CFF-C6D73D104B3E}" dt="2023-01-24T13:20:41.916" v="2639"/>
          <ac:picMkLst>
            <pc:docMk/>
            <pc:sldMk cId="1989932014" sldId="288"/>
            <ac:picMk id="7" creationId="{8BBD505E-6189-4EB6-B2C3-1988676FA330}"/>
          </ac:picMkLst>
        </pc:picChg>
      </pc:sldChg>
      <pc:sldChg chg="modSp del mod">
        <pc:chgData name="Bianchi, Sascha" userId="b6c31fb8-48fb-4302-b2cd-81a24de3ee13" providerId="ADAL" clId="{09EB3350-1D0F-4B15-9CFF-C6D73D104B3E}" dt="2023-01-24T07:27:37.201" v="1505" actId="47"/>
        <pc:sldMkLst>
          <pc:docMk/>
          <pc:sldMk cId="3477320989" sldId="289"/>
        </pc:sldMkLst>
        <pc:spChg chg="mod">
          <ac:chgData name="Bianchi, Sascha" userId="b6c31fb8-48fb-4302-b2cd-81a24de3ee13" providerId="ADAL" clId="{09EB3350-1D0F-4B15-9CFF-C6D73D104B3E}" dt="2023-01-23T09:53:45.516" v="1030" actId="6549"/>
          <ac:spMkLst>
            <pc:docMk/>
            <pc:sldMk cId="3477320989" sldId="289"/>
            <ac:spMk id="3" creationId="{4C0AE831-502B-46E0-A4A1-E1A94674D960}"/>
          </ac:spMkLst>
        </pc:spChg>
        <pc:picChg chg="mod">
          <ac:chgData name="Bianchi, Sascha" userId="b6c31fb8-48fb-4302-b2cd-81a24de3ee13" providerId="ADAL" clId="{09EB3350-1D0F-4B15-9CFF-C6D73D104B3E}" dt="2023-01-19T10:23:55.942" v="308" actId="1076"/>
          <ac:picMkLst>
            <pc:docMk/>
            <pc:sldMk cId="3477320989" sldId="289"/>
            <ac:picMk id="10" creationId="{77059223-BCF8-4B8F-899E-8FDDDFB32EBD}"/>
          </ac:picMkLst>
        </pc:picChg>
      </pc:sldChg>
      <pc:sldChg chg="addSp delSp modSp del mod modAnim">
        <pc:chgData name="Bianchi, Sascha" userId="b6c31fb8-48fb-4302-b2cd-81a24de3ee13" providerId="ADAL" clId="{09EB3350-1D0F-4B15-9CFF-C6D73D104B3E}" dt="2023-01-24T07:33:58.726" v="1531" actId="47"/>
        <pc:sldMkLst>
          <pc:docMk/>
          <pc:sldMk cId="2470109956" sldId="291"/>
        </pc:sldMkLst>
        <pc:spChg chg="mod">
          <ac:chgData name="Bianchi, Sascha" userId="b6c31fb8-48fb-4302-b2cd-81a24de3ee13" providerId="ADAL" clId="{09EB3350-1D0F-4B15-9CFF-C6D73D104B3E}" dt="2023-01-23T09:42:06.298" v="682" actId="20577"/>
          <ac:spMkLst>
            <pc:docMk/>
            <pc:sldMk cId="2470109956" sldId="291"/>
            <ac:spMk id="10" creationId="{64FAEC11-05E5-4734-9406-0FA13318E136}"/>
          </ac:spMkLst>
        </pc:spChg>
        <pc:spChg chg="mod">
          <ac:chgData name="Bianchi, Sascha" userId="b6c31fb8-48fb-4302-b2cd-81a24de3ee13" providerId="ADAL" clId="{09EB3350-1D0F-4B15-9CFF-C6D73D104B3E}" dt="2023-01-23T09:42:26.644" v="690" actId="20577"/>
          <ac:spMkLst>
            <pc:docMk/>
            <pc:sldMk cId="2470109956" sldId="291"/>
            <ac:spMk id="14" creationId="{8D2A7E56-70C8-413E-87E6-7163E3A87BAD}"/>
          </ac:spMkLst>
        </pc:spChg>
        <pc:picChg chg="add mod">
          <ac:chgData name="Bianchi, Sascha" userId="b6c31fb8-48fb-4302-b2cd-81a24de3ee13" providerId="ADAL" clId="{09EB3350-1D0F-4B15-9CFF-C6D73D104B3E}" dt="2023-01-23T09:39:02.223" v="591" actId="1076"/>
          <ac:picMkLst>
            <pc:docMk/>
            <pc:sldMk cId="2470109956" sldId="291"/>
            <ac:picMk id="18" creationId="{5C33CB33-A670-4D66-9602-48A82D8D8F66}"/>
          </ac:picMkLst>
        </pc:picChg>
        <pc:picChg chg="add mod">
          <ac:chgData name="Bianchi, Sascha" userId="b6c31fb8-48fb-4302-b2cd-81a24de3ee13" providerId="ADAL" clId="{09EB3350-1D0F-4B15-9CFF-C6D73D104B3E}" dt="2023-01-23T09:39:35.116" v="599" actId="1076"/>
          <ac:picMkLst>
            <pc:docMk/>
            <pc:sldMk cId="2470109956" sldId="291"/>
            <ac:picMk id="20" creationId="{19B15725-24D0-4195-896B-1343B2D67A32}"/>
          </ac:picMkLst>
        </pc:picChg>
        <pc:picChg chg="del">
          <ac:chgData name="Bianchi, Sascha" userId="b6c31fb8-48fb-4302-b2cd-81a24de3ee13" providerId="ADAL" clId="{09EB3350-1D0F-4B15-9CFF-C6D73D104B3E}" dt="2023-01-23T09:38:55.443" v="590" actId="478"/>
          <ac:picMkLst>
            <pc:docMk/>
            <pc:sldMk cId="2470109956" sldId="291"/>
            <ac:picMk id="21" creationId="{7C1ACD46-6BEB-47A0-ABFB-3BAED4E556B3}"/>
          </ac:picMkLst>
        </pc:picChg>
        <pc:picChg chg="del">
          <ac:chgData name="Bianchi, Sascha" userId="b6c31fb8-48fb-4302-b2cd-81a24de3ee13" providerId="ADAL" clId="{09EB3350-1D0F-4B15-9CFF-C6D73D104B3E}" dt="2023-01-23T09:39:03.707" v="592" actId="478"/>
          <ac:picMkLst>
            <pc:docMk/>
            <pc:sldMk cId="2470109956" sldId="291"/>
            <ac:picMk id="22" creationId="{23271B8E-ED18-4D86-92A5-F382E22612BE}"/>
          </ac:picMkLst>
        </pc:picChg>
        <pc:picChg chg="del">
          <ac:chgData name="Bianchi, Sascha" userId="b6c31fb8-48fb-4302-b2cd-81a24de3ee13" providerId="ADAL" clId="{09EB3350-1D0F-4B15-9CFF-C6D73D104B3E}" dt="2023-01-23T09:39:04.855" v="593" actId="478"/>
          <ac:picMkLst>
            <pc:docMk/>
            <pc:sldMk cId="2470109956" sldId="291"/>
            <ac:picMk id="23" creationId="{091A362A-4536-4070-A317-8FA451465BAB}"/>
          </ac:picMkLst>
        </pc:picChg>
        <pc:picChg chg="del">
          <ac:chgData name="Bianchi, Sascha" userId="b6c31fb8-48fb-4302-b2cd-81a24de3ee13" providerId="ADAL" clId="{09EB3350-1D0F-4B15-9CFF-C6D73D104B3E}" dt="2023-01-23T09:39:05.408" v="594" actId="478"/>
          <ac:picMkLst>
            <pc:docMk/>
            <pc:sldMk cId="2470109956" sldId="291"/>
            <ac:picMk id="24" creationId="{4D099DAE-6A94-407D-BAB6-2258A5F1C792}"/>
          </ac:picMkLst>
        </pc:picChg>
        <pc:picChg chg="add mod">
          <ac:chgData name="Bianchi, Sascha" userId="b6c31fb8-48fb-4302-b2cd-81a24de3ee13" providerId="ADAL" clId="{09EB3350-1D0F-4B15-9CFF-C6D73D104B3E}" dt="2023-01-23T09:41:17.019" v="672" actId="1035"/>
          <ac:picMkLst>
            <pc:docMk/>
            <pc:sldMk cId="2470109956" sldId="291"/>
            <ac:picMk id="26" creationId="{526C61E2-315C-42AF-BB6C-2A747EDAAAC3}"/>
          </ac:picMkLst>
        </pc:picChg>
        <pc:picChg chg="add mod">
          <ac:chgData name="Bianchi, Sascha" userId="b6c31fb8-48fb-4302-b2cd-81a24de3ee13" providerId="ADAL" clId="{09EB3350-1D0F-4B15-9CFF-C6D73D104B3E}" dt="2023-01-23T09:41:01.983" v="632" actId="1035"/>
          <ac:picMkLst>
            <pc:docMk/>
            <pc:sldMk cId="2470109956" sldId="291"/>
            <ac:picMk id="28" creationId="{D255497F-26A1-443A-8BFC-B6C93C62BAD1}"/>
          </ac:picMkLst>
        </pc:picChg>
        <pc:cxnChg chg="add del mod">
          <ac:chgData name="Bianchi, Sascha" userId="b6c31fb8-48fb-4302-b2cd-81a24de3ee13" providerId="ADAL" clId="{09EB3350-1D0F-4B15-9CFF-C6D73D104B3E}" dt="2023-01-23T09:41:19.494" v="673" actId="478"/>
          <ac:cxnSpMkLst>
            <pc:docMk/>
            <pc:sldMk cId="2470109956" sldId="291"/>
            <ac:cxnSpMk id="30" creationId="{D2B965AB-B43E-4783-B12A-691CD4B228BD}"/>
          </ac:cxnSpMkLst>
        </pc:cxnChg>
      </pc:sldChg>
      <pc:sldChg chg="modSp mod">
        <pc:chgData name="Bianchi, Sascha" userId="b6c31fb8-48fb-4302-b2cd-81a24de3ee13" providerId="ADAL" clId="{09EB3350-1D0F-4B15-9CFF-C6D73D104B3E}" dt="2023-01-24T07:22:11.450" v="1353" actId="1038"/>
        <pc:sldMkLst>
          <pc:docMk/>
          <pc:sldMk cId="1839928949" sldId="292"/>
        </pc:sldMkLst>
        <pc:spChg chg="mod">
          <ac:chgData name="Bianchi, Sascha" userId="b6c31fb8-48fb-4302-b2cd-81a24de3ee13" providerId="ADAL" clId="{09EB3350-1D0F-4B15-9CFF-C6D73D104B3E}" dt="2023-01-24T07:22:11.450" v="1353" actId="1038"/>
          <ac:spMkLst>
            <pc:docMk/>
            <pc:sldMk cId="1839928949" sldId="292"/>
            <ac:spMk id="11" creationId="{44E0C8E5-96F3-66EE-FF80-711DAC9BB41B}"/>
          </ac:spMkLst>
        </pc:spChg>
      </pc:sldChg>
      <pc:sldChg chg="del">
        <pc:chgData name="Bianchi, Sascha" userId="b6c31fb8-48fb-4302-b2cd-81a24de3ee13" providerId="ADAL" clId="{09EB3350-1D0F-4B15-9CFF-C6D73D104B3E}" dt="2023-01-23T09:26:00.830" v="347" actId="47"/>
        <pc:sldMkLst>
          <pc:docMk/>
          <pc:sldMk cId="1290569006" sldId="293"/>
        </pc:sldMkLst>
      </pc:sldChg>
      <pc:sldChg chg="modSp del mod">
        <pc:chgData name="Bianchi, Sascha" userId="b6c31fb8-48fb-4302-b2cd-81a24de3ee13" providerId="ADAL" clId="{09EB3350-1D0F-4B15-9CFF-C6D73D104B3E}" dt="2023-01-23T09:30:47.423" v="510" actId="47"/>
        <pc:sldMkLst>
          <pc:docMk/>
          <pc:sldMk cId="2172682795" sldId="294"/>
        </pc:sldMkLst>
        <pc:spChg chg="mod">
          <ac:chgData name="Bianchi, Sascha" userId="b6c31fb8-48fb-4302-b2cd-81a24de3ee13" providerId="ADAL" clId="{09EB3350-1D0F-4B15-9CFF-C6D73D104B3E}" dt="2023-01-23T09:27:05.739" v="391" actId="255"/>
          <ac:spMkLst>
            <pc:docMk/>
            <pc:sldMk cId="2172682795" sldId="294"/>
            <ac:spMk id="8" creationId="{5289D3E9-97B0-99F6-D985-FE08D152148E}"/>
          </ac:spMkLst>
        </pc:spChg>
      </pc:sldChg>
      <pc:sldChg chg="modSp del mod">
        <pc:chgData name="Bianchi, Sascha" userId="b6c31fb8-48fb-4302-b2cd-81a24de3ee13" providerId="ADAL" clId="{09EB3350-1D0F-4B15-9CFF-C6D73D104B3E}" dt="2023-01-23T09:30:38.936" v="509" actId="47"/>
        <pc:sldMkLst>
          <pc:docMk/>
          <pc:sldMk cId="4110763177" sldId="297"/>
        </pc:sldMkLst>
        <pc:spChg chg="mod">
          <ac:chgData name="Bianchi, Sascha" userId="b6c31fb8-48fb-4302-b2cd-81a24de3ee13" providerId="ADAL" clId="{09EB3350-1D0F-4B15-9CFF-C6D73D104B3E}" dt="2023-01-23T09:27:13.084" v="393" actId="20577"/>
          <ac:spMkLst>
            <pc:docMk/>
            <pc:sldMk cId="4110763177" sldId="297"/>
            <ac:spMk id="4" creationId="{37E03FB8-3571-4CD0-B5B7-9303DA57F391}"/>
          </ac:spMkLst>
        </pc:spChg>
      </pc:sldChg>
      <pc:sldChg chg="delSp modSp mod modAnim">
        <pc:chgData name="Bianchi, Sascha" userId="b6c31fb8-48fb-4302-b2cd-81a24de3ee13" providerId="ADAL" clId="{09EB3350-1D0F-4B15-9CFF-C6D73D104B3E}" dt="2023-01-24T07:40:02.834" v="1565" actId="20577"/>
        <pc:sldMkLst>
          <pc:docMk/>
          <pc:sldMk cId="297805611" sldId="298"/>
        </pc:sldMkLst>
        <pc:spChg chg="del mod">
          <ac:chgData name="Bianchi, Sascha" userId="b6c31fb8-48fb-4302-b2cd-81a24de3ee13" providerId="ADAL" clId="{09EB3350-1D0F-4B15-9CFF-C6D73D104B3E}" dt="2023-01-24T07:23:43.137" v="1399" actId="478"/>
          <ac:spMkLst>
            <pc:docMk/>
            <pc:sldMk cId="297805611" sldId="298"/>
            <ac:spMk id="6" creationId="{C8D74833-9E31-490C-89E6-74DE4742F118}"/>
          </ac:spMkLst>
        </pc:spChg>
        <pc:spChg chg="mod">
          <ac:chgData name="Bianchi, Sascha" userId="b6c31fb8-48fb-4302-b2cd-81a24de3ee13" providerId="ADAL" clId="{09EB3350-1D0F-4B15-9CFF-C6D73D104B3E}" dt="2023-01-24T07:40:02.834" v="1565" actId="20577"/>
          <ac:spMkLst>
            <pc:docMk/>
            <pc:sldMk cId="297805611" sldId="298"/>
            <ac:spMk id="7" creationId="{048B75ED-331F-4CC3-9E81-7D4BB7E9F545}"/>
          </ac:spMkLst>
        </pc:spChg>
        <pc:spChg chg="del mod">
          <ac:chgData name="Bianchi, Sascha" userId="b6c31fb8-48fb-4302-b2cd-81a24de3ee13" providerId="ADAL" clId="{09EB3350-1D0F-4B15-9CFF-C6D73D104B3E}" dt="2023-01-24T07:23:46.453" v="1400" actId="478"/>
          <ac:spMkLst>
            <pc:docMk/>
            <pc:sldMk cId="297805611" sldId="298"/>
            <ac:spMk id="9" creationId="{8A64D6BF-1783-4760-9258-D00A7E6477BC}"/>
          </ac:spMkLst>
        </pc:spChg>
        <pc:spChg chg="mod">
          <ac:chgData name="Bianchi, Sascha" userId="b6c31fb8-48fb-4302-b2cd-81a24de3ee13" providerId="ADAL" clId="{09EB3350-1D0F-4B15-9CFF-C6D73D104B3E}" dt="2023-01-24T07:24:09.127" v="1438" actId="1035"/>
          <ac:spMkLst>
            <pc:docMk/>
            <pc:sldMk cId="297805611" sldId="298"/>
            <ac:spMk id="10" creationId="{C7CF0C3C-D620-4C37-B8DF-A35AA1E2369E}"/>
          </ac:spMkLst>
        </pc:spChg>
        <pc:spChg chg="del mod">
          <ac:chgData name="Bianchi, Sascha" userId="b6c31fb8-48fb-4302-b2cd-81a24de3ee13" providerId="ADAL" clId="{09EB3350-1D0F-4B15-9CFF-C6D73D104B3E}" dt="2023-01-24T07:23:51.065" v="1402" actId="478"/>
          <ac:spMkLst>
            <pc:docMk/>
            <pc:sldMk cId="297805611" sldId="298"/>
            <ac:spMk id="12" creationId="{0D3A6320-7C1B-4AF5-A4CA-1E3A86448323}"/>
          </ac:spMkLst>
        </pc:spChg>
        <pc:spChg chg="mod">
          <ac:chgData name="Bianchi, Sascha" userId="b6c31fb8-48fb-4302-b2cd-81a24de3ee13" providerId="ADAL" clId="{09EB3350-1D0F-4B15-9CFF-C6D73D104B3E}" dt="2023-01-24T07:24:09.127" v="1438" actId="1035"/>
          <ac:spMkLst>
            <pc:docMk/>
            <pc:sldMk cId="297805611" sldId="298"/>
            <ac:spMk id="13" creationId="{62012F45-7EEF-4A4B-985F-45729AB8AC1B}"/>
          </ac:spMkLst>
        </pc:spChg>
        <pc:spChg chg="del mod">
          <ac:chgData name="Bianchi, Sascha" userId="b6c31fb8-48fb-4302-b2cd-81a24de3ee13" providerId="ADAL" clId="{09EB3350-1D0F-4B15-9CFF-C6D73D104B3E}" dt="2023-01-24T07:23:49.215" v="1401" actId="478"/>
          <ac:spMkLst>
            <pc:docMk/>
            <pc:sldMk cId="297805611" sldId="298"/>
            <ac:spMk id="15" creationId="{D32FC2C1-00AF-4D01-9890-ADEDF64A064A}"/>
          </ac:spMkLst>
        </pc:spChg>
        <pc:spChg chg="mod">
          <ac:chgData name="Bianchi, Sascha" userId="b6c31fb8-48fb-4302-b2cd-81a24de3ee13" providerId="ADAL" clId="{09EB3350-1D0F-4B15-9CFF-C6D73D104B3E}" dt="2023-01-24T07:24:09.127" v="1438" actId="1035"/>
          <ac:spMkLst>
            <pc:docMk/>
            <pc:sldMk cId="297805611" sldId="298"/>
            <ac:spMk id="16" creationId="{C44324E0-A797-4C24-93B1-3298530A0F4A}"/>
          </ac:spMkLst>
        </pc:spChg>
        <pc:spChg chg="mod">
          <ac:chgData name="Bianchi, Sascha" userId="b6c31fb8-48fb-4302-b2cd-81a24de3ee13" providerId="ADAL" clId="{09EB3350-1D0F-4B15-9CFF-C6D73D104B3E}" dt="2023-01-24T07:24:24.008" v="1440" actId="1076"/>
          <ac:spMkLst>
            <pc:docMk/>
            <pc:sldMk cId="297805611" sldId="298"/>
            <ac:spMk id="23" creationId="{15434B33-3C34-4882-BE85-40F2B8624F4B}"/>
          </ac:spMkLst>
        </pc:spChg>
        <pc:spChg chg="mod">
          <ac:chgData name="Bianchi, Sascha" userId="b6c31fb8-48fb-4302-b2cd-81a24de3ee13" providerId="ADAL" clId="{09EB3350-1D0F-4B15-9CFF-C6D73D104B3E}" dt="2023-01-24T07:24:15.303" v="1439" actId="1076"/>
          <ac:spMkLst>
            <pc:docMk/>
            <pc:sldMk cId="297805611" sldId="298"/>
            <ac:spMk id="25" creationId="{E628C9D7-23BC-484D-8394-F87ADC3D43D8}"/>
          </ac:spMkLst>
        </pc:spChg>
      </pc:sldChg>
      <pc:sldChg chg="modSp del mod">
        <pc:chgData name="Bianchi, Sascha" userId="b6c31fb8-48fb-4302-b2cd-81a24de3ee13" providerId="ADAL" clId="{09EB3350-1D0F-4B15-9CFF-C6D73D104B3E}" dt="2023-01-23T09:28:35.722" v="429" actId="47"/>
        <pc:sldMkLst>
          <pc:docMk/>
          <pc:sldMk cId="106470736" sldId="299"/>
        </pc:sldMkLst>
        <pc:graphicFrameChg chg="mod modGraphic">
          <ac:chgData name="Bianchi, Sascha" userId="b6c31fb8-48fb-4302-b2cd-81a24de3ee13" providerId="ADAL" clId="{09EB3350-1D0F-4B15-9CFF-C6D73D104B3E}" dt="2023-01-19T10:23:13.700" v="307"/>
          <ac:graphicFrameMkLst>
            <pc:docMk/>
            <pc:sldMk cId="106470736" sldId="299"/>
            <ac:graphicFrameMk id="5" creationId="{0CEDA043-7692-4792-A8A2-BEB47B810A0F}"/>
          </ac:graphicFrameMkLst>
        </pc:graphicFrameChg>
      </pc:sldChg>
      <pc:sldChg chg="del">
        <pc:chgData name="Bianchi, Sascha" userId="b6c31fb8-48fb-4302-b2cd-81a24de3ee13" providerId="ADAL" clId="{09EB3350-1D0F-4B15-9CFF-C6D73D104B3E}" dt="2023-01-19T10:21:36.088" v="256" actId="47"/>
        <pc:sldMkLst>
          <pc:docMk/>
          <pc:sldMk cId="4192938175" sldId="300"/>
        </pc:sldMkLst>
      </pc:sldChg>
      <pc:sldChg chg="del">
        <pc:chgData name="Bianchi, Sascha" userId="b6c31fb8-48fb-4302-b2cd-81a24de3ee13" providerId="ADAL" clId="{09EB3350-1D0F-4B15-9CFF-C6D73D104B3E}" dt="2023-01-23T09:28:05.884" v="406" actId="47"/>
        <pc:sldMkLst>
          <pc:docMk/>
          <pc:sldMk cId="1450625480" sldId="301"/>
        </pc:sldMkLst>
      </pc:sldChg>
      <pc:sldChg chg="addSp delSp modSp new del mod modAnim">
        <pc:chgData name="Bianchi, Sascha" userId="b6c31fb8-48fb-4302-b2cd-81a24de3ee13" providerId="ADAL" clId="{09EB3350-1D0F-4B15-9CFF-C6D73D104B3E}" dt="2023-01-23T09:29:08.560" v="460" actId="47"/>
        <pc:sldMkLst>
          <pc:docMk/>
          <pc:sldMk cId="1965767998" sldId="302"/>
        </pc:sldMkLst>
        <pc:spChg chg="mod">
          <ac:chgData name="Bianchi, Sascha" userId="b6c31fb8-48fb-4302-b2cd-81a24de3ee13" providerId="ADAL" clId="{09EB3350-1D0F-4B15-9CFF-C6D73D104B3E}" dt="2023-01-19T10:17:36.430" v="3"/>
          <ac:spMkLst>
            <pc:docMk/>
            <pc:sldMk cId="1965767998" sldId="302"/>
            <ac:spMk id="2" creationId="{8E1D41EA-17F0-45DB-9C41-B6D6807033EF}"/>
          </ac:spMkLst>
        </pc:spChg>
        <pc:spChg chg="del">
          <ac:chgData name="Bianchi, Sascha" userId="b6c31fb8-48fb-4302-b2cd-81a24de3ee13" providerId="ADAL" clId="{09EB3350-1D0F-4B15-9CFF-C6D73D104B3E}" dt="2023-01-19T10:18:01.939" v="23" actId="478"/>
          <ac:spMkLst>
            <pc:docMk/>
            <pc:sldMk cId="1965767998" sldId="302"/>
            <ac:spMk id="3" creationId="{64A1F44E-35B5-4D77-A796-093E58757AC0}"/>
          </ac:spMkLst>
        </pc:spChg>
        <pc:spChg chg="mod">
          <ac:chgData name="Bianchi, Sascha" userId="b6c31fb8-48fb-4302-b2cd-81a24de3ee13" providerId="ADAL" clId="{09EB3350-1D0F-4B15-9CFF-C6D73D104B3E}" dt="2023-01-19T10:17:44.818" v="4"/>
          <ac:spMkLst>
            <pc:docMk/>
            <pc:sldMk cId="1965767998" sldId="302"/>
            <ac:spMk id="7" creationId="{722CA53E-5B3E-4167-AF97-46AABC8CF9F9}"/>
          </ac:spMkLst>
        </pc:spChg>
        <pc:spChg chg="mod">
          <ac:chgData name="Bianchi, Sascha" userId="b6c31fb8-48fb-4302-b2cd-81a24de3ee13" providerId="ADAL" clId="{09EB3350-1D0F-4B15-9CFF-C6D73D104B3E}" dt="2023-01-19T10:17:44.818" v="4"/>
          <ac:spMkLst>
            <pc:docMk/>
            <pc:sldMk cId="1965767998" sldId="302"/>
            <ac:spMk id="8" creationId="{6B8133B6-4D09-4B85-A1F9-2D1E0C62DAA2}"/>
          </ac:spMkLst>
        </pc:spChg>
        <pc:spChg chg="mod">
          <ac:chgData name="Bianchi, Sascha" userId="b6c31fb8-48fb-4302-b2cd-81a24de3ee13" providerId="ADAL" clId="{09EB3350-1D0F-4B15-9CFF-C6D73D104B3E}" dt="2023-01-19T10:17:44.818" v="4"/>
          <ac:spMkLst>
            <pc:docMk/>
            <pc:sldMk cId="1965767998" sldId="302"/>
            <ac:spMk id="9" creationId="{335DA65A-8FC4-4400-AC73-EAF25EE564B7}"/>
          </ac:spMkLst>
        </pc:spChg>
        <pc:spChg chg="mod">
          <ac:chgData name="Bianchi, Sascha" userId="b6c31fb8-48fb-4302-b2cd-81a24de3ee13" providerId="ADAL" clId="{09EB3350-1D0F-4B15-9CFF-C6D73D104B3E}" dt="2023-01-19T10:17:44.818" v="4"/>
          <ac:spMkLst>
            <pc:docMk/>
            <pc:sldMk cId="1965767998" sldId="302"/>
            <ac:spMk id="10" creationId="{68643C6A-AFFE-43FF-87E4-3E3C6728FF3F}"/>
          </ac:spMkLst>
        </pc:spChg>
        <pc:spChg chg="add mod">
          <ac:chgData name="Bianchi, Sascha" userId="b6c31fb8-48fb-4302-b2cd-81a24de3ee13" providerId="ADAL" clId="{09EB3350-1D0F-4B15-9CFF-C6D73D104B3E}" dt="2023-01-19T10:20:07.472" v="191" actId="2711"/>
          <ac:spMkLst>
            <pc:docMk/>
            <pc:sldMk cId="1965767998" sldId="302"/>
            <ac:spMk id="12" creationId="{8BEC7A0D-965F-4E53-A84A-9AF9280E7B6E}"/>
          </ac:spMkLst>
        </pc:spChg>
        <pc:spChg chg="add mod">
          <ac:chgData name="Bianchi, Sascha" userId="b6c31fb8-48fb-4302-b2cd-81a24de3ee13" providerId="ADAL" clId="{09EB3350-1D0F-4B15-9CFF-C6D73D104B3E}" dt="2023-01-19T10:20:26.159" v="192" actId="403"/>
          <ac:spMkLst>
            <pc:docMk/>
            <pc:sldMk cId="1965767998" sldId="302"/>
            <ac:spMk id="13" creationId="{66E65719-8AC9-4C2F-87A7-A5DA32743F08}"/>
          </ac:spMkLst>
        </pc:spChg>
        <pc:spChg chg="add mod">
          <ac:chgData name="Bianchi, Sascha" userId="b6c31fb8-48fb-4302-b2cd-81a24de3ee13" providerId="ADAL" clId="{09EB3350-1D0F-4B15-9CFF-C6D73D104B3E}" dt="2023-01-19T10:21:06.883" v="217" actId="20577"/>
          <ac:spMkLst>
            <pc:docMk/>
            <pc:sldMk cId="1965767998" sldId="302"/>
            <ac:spMk id="15" creationId="{0F77E29C-4074-4E94-901D-652769AFD695}"/>
          </ac:spMkLst>
        </pc:spChg>
        <pc:spChg chg="add mod">
          <ac:chgData name="Bianchi, Sascha" userId="b6c31fb8-48fb-4302-b2cd-81a24de3ee13" providerId="ADAL" clId="{09EB3350-1D0F-4B15-9CFF-C6D73D104B3E}" dt="2023-01-19T10:21:26.435" v="255" actId="20577"/>
          <ac:spMkLst>
            <pc:docMk/>
            <pc:sldMk cId="1965767998" sldId="302"/>
            <ac:spMk id="16" creationId="{B14FD52E-7153-4FC6-B43F-9B28A5926664}"/>
          </ac:spMkLst>
        </pc:spChg>
        <pc:spChg chg="add mod">
          <ac:chgData name="Bianchi, Sascha" userId="b6c31fb8-48fb-4302-b2cd-81a24de3ee13" providerId="ADAL" clId="{09EB3350-1D0F-4B15-9CFF-C6D73D104B3E}" dt="2023-01-19T10:20:07.472" v="191" actId="2711"/>
          <ac:spMkLst>
            <pc:docMk/>
            <pc:sldMk cId="1965767998" sldId="302"/>
            <ac:spMk id="18" creationId="{19C5ACB7-7F9E-4AC2-ADBA-8ABCE807162A}"/>
          </ac:spMkLst>
        </pc:spChg>
        <pc:spChg chg="add mod">
          <ac:chgData name="Bianchi, Sascha" userId="b6c31fb8-48fb-4302-b2cd-81a24de3ee13" providerId="ADAL" clId="{09EB3350-1D0F-4B15-9CFF-C6D73D104B3E}" dt="2023-01-19T10:20:07.472" v="191" actId="2711"/>
          <ac:spMkLst>
            <pc:docMk/>
            <pc:sldMk cId="1965767998" sldId="302"/>
            <ac:spMk id="19" creationId="{41F4A0D3-A3D9-4A2B-8A34-B12FBA011C46}"/>
          </ac:spMkLst>
        </pc:spChg>
        <pc:spChg chg="add mod">
          <ac:chgData name="Bianchi, Sascha" userId="b6c31fb8-48fb-4302-b2cd-81a24de3ee13" providerId="ADAL" clId="{09EB3350-1D0F-4B15-9CFF-C6D73D104B3E}" dt="2023-01-19T10:20:42.161" v="202" actId="20577"/>
          <ac:spMkLst>
            <pc:docMk/>
            <pc:sldMk cId="1965767998" sldId="302"/>
            <ac:spMk id="21" creationId="{24F15D82-E2FC-4AAC-9914-A3D1EA5036FB}"/>
          </ac:spMkLst>
        </pc:spChg>
        <pc:spChg chg="add mod">
          <ac:chgData name="Bianchi, Sascha" userId="b6c31fb8-48fb-4302-b2cd-81a24de3ee13" providerId="ADAL" clId="{09EB3350-1D0F-4B15-9CFF-C6D73D104B3E}" dt="2023-01-19T10:20:52.747" v="206" actId="403"/>
          <ac:spMkLst>
            <pc:docMk/>
            <pc:sldMk cId="1965767998" sldId="302"/>
            <ac:spMk id="22" creationId="{96F1A2D7-2067-456F-ADF0-E1974FE2CA2E}"/>
          </ac:spMkLst>
        </pc:spChg>
        <pc:grpChg chg="add mod">
          <ac:chgData name="Bianchi, Sascha" userId="b6c31fb8-48fb-4302-b2cd-81a24de3ee13" providerId="ADAL" clId="{09EB3350-1D0F-4B15-9CFF-C6D73D104B3E}" dt="2023-01-19T10:17:59.775" v="22" actId="1036"/>
          <ac:grpSpMkLst>
            <pc:docMk/>
            <pc:sldMk cId="1965767998" sldId="302"/>
            <ac:grpSpMk id="5" creationId="{5A66ADA8-C0AC-432E-AABE-44FA62A03646}"/>
          </ac:grpSpMkLst>
        </pc:grpChg>
        <pc:graphicFrameChg chg="mod">
          <ac:chgData name="Bianchi, Sascha" userId="b6c31fb8-48fb-4302-b2cd-81a24de3ee13" providerId="ADAL" clId="{09EB3350-1D0F-4B15-9CFF-C6D73D104B3E}" dt="2023-01-19T10:17:44.818" v="4"/>
          <ac:graphicFrameMkLst>
            <pc:docMk/>
            <pc:sldMk cId="1965767998" sldId="302"/>
            <ac:graphicFrameMk id="6" creationId="{5D2216F8-0B4A-4707-A65B-6A03E0EFEEAC}"/>
          </ac:graphicFrameMkLst>
        </pc:graphicFrameChg>
        <pc:cxnChg chg="add mod">
          <ac:chgData name="Bianchi, Sascha" userId="b6c31fb8-48fb-4302-b2cd-81a24de3ee13" providerId="ADAL" clId="{09EB3350-1D0F-4B15-9CFF-C6D73D104B3E}" dt="2023-01-19T10:20:07.472" v="191" actId="2711"/>
          <ac:cxnSpMkLst>
            <pc:docMk/>
            <pc:sldMk cId="1965767998" sldId="302"/>
            <ac:cxnSpMk id="11" creationId="{B91AC6AA-060E-48F1-AF6D-903DEFE17250}"/>
          </ac:cxnSpMkLst>
        </pc:cxnChg>
        <pc:cxnChg chg="add mod">
          <ac:chgData name="Bianchi, Sascha" userId="b6c31fb8-48fb-4302-b2cd-81a24de3ee13" providerId="ADAL" clId="{09EB3350-1D0F-4B15-9CFF-C6D73D104B3E}" dt="2023-01-19T10:20:07.472" v="191" actId="2711"/>
          <ac:cxnSpMkLst>
            <pc:docMk/>
            <pc:sldMk cId="1965767998" sldId="302"/>
            <ac:cxnSpMk id="14" creationId="{A26BA34B-48FA-4095-9983-4A76A9968F5A}"/>
          </ac:cxnSpMkLst>
        </pc:cxnChg>
        <pc:cxnChg chg="add mod">
          <ac:chgData name="Bianchi, Sascha" userId="b6c31fb8-48fb-4302-b2cd-81a24de3ee13" providerId="ADAL" clId="{09EB3350-1D0F-4B15-9CFF-C6D73D104B3E}" dt="2023-01-19T10:20:07.472" v="191" actId="2711"/>
          <ac:cxnSpMkLst>
            <pc:docMk/>
            <pc:sldMk cId="1965767998" sldId="302"/>
            <ac:cxnSpMk id="17" creationId="{22E79194-079A-4019-935E-20D0579DC729}"/>
          </ac:cxnSpMkLst>
        </pc:cxnChg>
        <pc:cxnChg chg="add mod">
          <ac:chgData name="Bianchi, Sascha" userId="b6c31fb8-48fb-4302-b2cd-81a24de3ee13" providerId="ADAL" clId="{09EB3350-1D0F-4B15-9CFF-C6D73D104B3E}" dt="2023-01-19T10:20:07.472" v="191" actId="2711"/>
          <ac:cxnSpMkLst>
            <pc:docMk/>
            <pc:sldMk cId="1965767998" sldId="302"/>
            <ac:cxnSpMk id="20" creationId="{D0AC44F8-0142-4234-9CF3-084C2E3F0630}"/>
          </ac:cxnSpMkLst>
        </pc:cxnChg>
      </pc:sldChg>
      <pc:sldChg chg="addSp delSp modSp add mod">
        <pc:chgData name="Bianchi, Sascha" userId="b6c31fb8-48fb-4302-b2cd-81a24de3ee13" providerId="ADAL" clId="{09EB3350-1D0F-4B15-9CFF-C6D73D104B3E}" dt="2023-01-23T11:37:56.901" v="1302" actId="14100"/>
        <pc:sldMkLst>
          <pc:docMk/>
          <pc:sldMk cId="2181357851" sldId="303"/>
        </pc:sldMkLst>
        <pc:spChg chg="mod">
          <ac:chgData name="Bianchi, Sascha" userId="b6c31fb8-48fb-4302-b2cd-81a24de3ee13" providerId="ADAL" clId="{09EB3350-1D0F-4B15-9CFF-C6D73D104B3E}" dt="2023-01-23T09:28:03.967" v="405" actId="20577"/>
          <ac:spMkLst>
            <pc:docMk/>
            <pc:sldMk cId="2181357851" sldId="303"/>
            <ac:spMk id="2" creationId="{9A78A7D5-403E-4A0B-9590-A55A34D0A849}"/>
          </ac:spMkLst>
        </pc:spChg>
        <pc:spChg chg="del">
          <ac:chgData name="Bianchi, Sascha" userId="b6c31fb8-48fb-4302-b2cd-81a24de3ee13" providerId="ADAL" clId="{09EB3350-1D0F-4B15-9CFF-C6D73D104B3E}" dt="2023-01-23T09:27:58.308" v="395" actId="478"/>
          <ac:spMkLst>
            <pc:docMk/>
            <pc:sldMk cId="2181357851" sldId="303"/>
            <ac:spMk id="5" creationId="{CEFA2E72-8281-4D37-AE13-C0DE17C03367}"/>
          </ac:spMkLst>
        </pc:spChg>
        <pc:spChg chg="del">
          <ac:chgData name="Bianchi, Sascha" userId="b6c31fb8-48fb-4302-b2cd-81a24de3ee13" providerId="ADAL" clId="{09EB3350-1D0F-4B15-9CFF-C6D73D104B3E}" dt="2023-01-23T09:27:58.308" v="395" actId="478"/>
          <ac:spMkLst>
            <pc:docMk/>
            <pc:sldMk cId="2181357851" sldId="303"/>
            <ac:spMk id="6" creationId="{C8D74833-9E31-490C-89E6-74DE4742F118}"/>
          </ac:spMkLst>
        </pc:spChg>
        <pc:spChg chg="del">
          <ac:chgData name="Bianchi, Sascha" userId="b6c31fb8-48fb-4302-b2cd-81a24de3ee13" providerId="ADAL" clId="{09EB3350-1D0F-4B15-9CFF-C6D73D104B3E}" dt="2023-01-23T09:27:58.308" v="395" actId="478"/>
          <ac:spMkLst>
            <pc:docMk/>
            <pc:sldMk cId="2181357851" sldId="303"/>
            <ac:spMk id="7" creationId="{048B75ED-331F-4CC3-9E81-7D4BB7E9F545}"/>
          </ac:spMkLst>
        </pc:spChg>
        <pc:spChg chg="del">
          <ac:chgData name="Bianchi, Sascha" userId="b6c31fb8-48fb-4302-b2cd-81a24de3ee13" providerId="ADAL" clId="{09EB3350-1D0F-4B15-9CFF-C6D73D104B3E}" dt="2023-01-23T09:27:58.308" v="395" actId="478"/>
          <ac:spMkLst>
            <pc:docMk/>
            <pc:sldMk cId="2181357851" sldId="303"/>
            <ac:spMk id="8" creationId="{033EB327-A5E8-4B75-B0BC-CCD2A8A03FC1}"/>
          </ac:spMkLst>
        </pc:spChg>
        <pc:spChg chg="del">
          <ac:chgData name="Bianchi, Sascha" userId="b6c31fb8-48fb-4302-b2cd-81a24de3ee13" providerId="ADAL" clId="{09EB3350-1D0F-4B15-9CFF-C6D73D104B3E}" dt="2023-01-23T09:27:58.308" v="395" actId="478"/>
          <ac:spMkLst>
            <pc:docMk/>
            <pc:sldMk cId="2181357851" sldId="303"/>
            <ac:spMk id="9" creationId="{8A64D6BF-1783-4760-9258-D00A7E6477BC}"/>
          </ac:spMkLst>
        </pc:spChg>
        <pc:spChg chg="del">
          <ac:chgData name="Bianchi, Sascha" userId="b6c31fb8-48fb-4302-b2cd-81a24de3ee13" providerId="ADAL" clId="{09EB3350-1D0F-4B15-9CFF-C6D73D104B3E}" dt="2023-01-23T09:27:58.308" v="395" actId="478"/>
          <ac:spMkLst>
            <pc:docMk/>
            <pc:sldMk cId="2181357851" sldId="303"/>
            <ac:spMk id="10" creationId="{C7CF0C3C-D620-4C37-B8DF-A35AA1E2369E}"/>
          </ac:spMkLst>
        </pc:spChg>
        <pc:spChg chg="del">
          <ac:chgData name="Bianchi, Sascha" userId="b6c31fb8-48fb-4302-b2cd-81a24de3ee13" providerId="ADAL" clId="{09EB3350-1D0F-4B15-9CFF-C6D73D104B3E}" dt="2023-01-23T09:27:58.308" v="395" actId="478"/>
          <ac:spMkLst>
            <pc:docMk/>
            <pc:sldMk cId="2181357851" sldId="303"/>
            <ac:spMk id="11" creationId="{54CD6521-ED9F-4D28-B21E-8A411E59A3D6}"/>
          </ac:spMkLst>
        </pc:spChg>
        <pc:spChg chg="del">
          <ac:chgData name="Bianchi, Sascha" userId="b6c31fb8-48fb-4302-b2cd-81a24de3ee13" providerId="ADAL" clId="{09EB3350-1D0F-4B15-9CFF-C6D73D104B3E}" dt="2023-01-23T09:27:58.308" v="395" actId="478"/>
          <ac:spMkLst>
            <pc:docMk/>
            <pc:sldMk cId="2181357851" sldId="303"/>
            <ac:spMk id="12" creationId="{0D3A6320-7C1B-4AF5-A4CA-1E3A86448323}"/>
          </ac:spMkLst>
        </pc:spChg>
        <pc:spChg chg="del">
          <ac:chgData name="Bianchi, Sascha" userId="b6c31fb8-48fb-4302-b2cd-81a24de3ee13" providerId="ADAL" clId="{09EB3350-1D0F-4B15-9CFF-C6D73D104B3E}" dt="2023-01-23T09:27:58.308" v="395" actId="478"/>
          <ac:spMkLst>
            <pc:docMk/>
            <pc:sldMk cId="2181357851" sldId="303"/>
            <ac:spMk id="13" creationId="{62012F45-7EEF-4A4B-985F-45729AB8AC1B}"/>
          </ac:spMkLst>
        </pc:spChg>
        <pc:spChg chg="del">
          <ac:chgData name="Bianchi, Sascha" userId="b6c31fb8-48fb-4302-b2cd-81a24de3ee13" providerId="ADAL" clId="{09EB3350-1D0F-4B15-9CFF-C6D73D104B3E}" dt="2023-01-23T09:27:58.308" v="395" actId="478"/>
          <ac:spMkLst>
            <pc:docMk/>
            <pc:sldMk cId="2181357851" sldId="303"/>
            <ac:spMk id="14" creationId="{C644A81C-EDBD-4667-B028-E87CDB319588}"/>
          </ac:spMkLst>
        </pc:spChg>
        <pc:spChg chg="del">
          <ac:chgData name="Bianchi, Sascha" userId="b6c31fb8-48fb-4302-b2cd-81a24de3ee13" providerId="ADAL" clId="{09EB3350-1D0F-4B15-9CFF-C6D73D104B3E}" dt="2023-01-23T09:27:58.308" v="395" actId="478"/>
          <ac:spMkLst>
            <pc:docMk/>
            <pc:sldMk cId="2181357851" sldId="303"/>
            <ac:spMk id="15" creationId="{D32FC2C1-00AF-4D01-9890-ADEDF64A064A}"/>
          </ac:spMkLst>
        </pc:spChg>
        <pc:spChg chg="del">
          <ac:chgData name="Bianchi, Sascha" userId="b6c31fb8-48fb-4302-b2cd-81a24de3ee13" providerId="ADAL" clId="{09EB3350-1D0F-4B15-9CFF-C6D73D104B3E}" dt="2023-01-23T09:27:58.308" v="395" actId="478"/>
          <ac:spMkLst>
            <pc:docMk/>
            <pc:sldMk cId="2181357851" sldId="303"/>
            <ac:spMk id="16" creationId="{C44324E0-A797-4C24-93B1-3298530A0F4A}"/>
          </ac:spMkLst>
        </pc:spChg>
        <pc:spChg chg="add mod">
          <ac:chgData name="Bianchi, Sascha" userId="b6c31fb8-48fb-4302-b2cd-81a24de3ee13" providerId="ADAL" clId="{09EB3350-1D0F-4B15-9CFF-C6D73D104B3E}" dt="2023-01-23T09:27:58.816" v="396"/>
          <ac:spMkLst>
            <pc:docMk/>
            <pc:sldMk cId="2181357851" sldId="303"/>
            <ac:spMk id="21" creationId="{DAC1F582-920C-4FA1-BA78-735C654201A1}"/>
          </ac:spMkLst>
        </pc:spChg>
        <pc:spChg chg="del">
          <ac:chgData name="Bianchi, Sascha" userId="b6c31fb8-48fb-4302-b2cd-81a24de3ee13" providerId="ADAL" clId="{09EB3350-1D0F-4B15-9CFF-C6D73D104B3E}" dt="2023-01-23T09:27:58.308" v="395" actId="478"/>
          <ac:spMkLst>
            <pc:docMk/>
            <pc:sldMk cId="2181357851" sldId="303"/>
            <ac:spMk id="22" creationId="{1517AE1A-56F7-4665-91C9-DB33473E690B}"/>
          </ac:spMkLst>
        </pc:spChg>
        <pc:spChg chg="del">
          <ac:chgData name="Bianchi, Sascha" userId="b6c31fb8-48fb-4302-b2cd-81a24de3ee13" providerId="ADAL" clId="{09EB3350-1D0F-4B15-9CFF-C6D73D104B3E}" dt="2023-01-23T09:27:58.308" v="395" actId="478"/>
          <ac:spMkLst>
            <pc:docMk/>
            <pc:sldMk cId="2181357851" sldId="303"/>
            <ac:spMk id="23" creationId="{15434B33-3C34-4882-BE85-40F2B8624F4B}"/>
          </ac:spMkLst>
        </pc:spChg>
        <pc:spChg chg="del">
          <ac:chgData name="Bianchi, Sascha" userId="b6c31fb8-48fb-4302-b2cd-81a24de3ee13" providerId="ADAL" clId="{09EB3350-1D0F-4B15-9CFF-C6D73D104B3E}" dt="2023-01-23T09:27:58.308" v="395" actId="478"/>
          <ac:spMkLst>
            <pc:docMk/>
            <pc:sldMk cId="2181357851" sldId="303"/>
            <ac:spMk id="24" creationId="{88706657-D985-4E0D-9417-631BEC0F1F4C}"/>
          </ac:spMkLst>
        </pc:spChg>
        <pc:spChg chg="del">
          <ac:chgData name="Bianchi, Sascha" userId="b6c31fb8-48fb-4302-b2cd-81a24de3ee13" providerId="ADAL" clId="{09EB3350-1D0F-4B15-9CFF-C6D73D104B3E}" dt="2023-01-23T09:27:58.308" v="395" actId="478"/>
          <ac:spMkLst>
            <pc:docMk/>
            <pc:sldMk cId="2181357851" sldId="303"/>
            <ac:spMk id="25" creationId="{E628C9D7-23BC-484D-8394-F87ADC3D43D8}"/>
          </ac:spMkLst>
        </pc:spChg>
        <pc:spChg chg="add mod">
          <ac:chgData name="Bianchi, Sascha" userId="b6c31fb8-48fb-4302-b2cd-81a24de3ee13" providerId="ADAL" clId="{09EB3350-1D0F-4B15-9CFF-C6D73D104B3E}" dt="2023-01-23T09:27:58.816" v="396"/>
          <ac:spMkLst>
            <pc:docMk/>
            <pc:sldMk cId="2181357851" sldId="303"/>
            <ac:spMk id="26" creationId="{0532CD7E-F5DD-4DA1-B56E-710D37D22EBF}"/>
          </ac:spMkLst>
        </pc:spChg>
        <pc:spChg chg="add mod">
          <ac:chgData name="Bianchi, Sascha" userId="b6c31fb8-48fb-4302-b2cd-81a24de3ee13" providerId="ADAL" clId="{09EB3350-1D0F-4B15-9CFF-C6D73D104B3E}" dt="2023-01-23T11:35:54.331" v="1177" actId="6549"/>
          <ac:spMkLst>
            <pc:docMk/>
            <pc:sldMk cId="2181357851" sldId="303"/>
            <ac:spMk id="27" creationId="{B95D391F-12B8-49DA-8DF0-832732BF99D3}"/>
          </ac:spMkLst>
        </pc:spChg>
        <pc:spChg chg="add mod">
          <ac:chgData name="Bianchi, Sascha" userId="b6c31fb8-48fb-4302-b2cd-81a24de3ee13" providerId="ADAL" clId="{09EB3350-1D0F-4B15-9CFF-C6D73D104B3E}" dt="2023-01-23T11:35:57.805" v="1178" actId="20577"/>
          <ac:spMkLst>
            <pc:docMk/>
            <pc:sldMk cId="2181357851" sldId="303"/>
            <ac:spMk id="28" creationId="{37B36611-0088-49B9-9112-5C986D9E44DA}"/>
          </ac:spMkLst>
        </pc:spChg>
        <pc:spChg chg="add mod">
          <ac:chgData name="Bianchi, Sascha" userId="b6c31fb8-48fb-4302-b2cd-81a24de3ee13" providerId="ADAL" clId="{09EB3350-1D0F-4B15-9CFF-C6D73D104B3E}" dt="2023-01-23T11:36:01.097" v="1179" actId="20577"/>
          <ac:spMkLst>
            <pc:docMk/>
            <pc:sldMk cId="2181357851" sldId="303"/>
            <ac:spMk id="29" creationId="{5494B3BD-CE55-45EA-A041-341535B3A637}"/>
          </ac:spMkLst>
        </pc:spChg>
        <pc:spChg chg="add mod">
          <ac:chgData name="Bianchi, Sascha" userId="b6c31fb8-48fb-4302-b2cd-81a24de3ee13" providerId="ADAL" clId="{09EB3350-1D0F-4B15-9CFF-C6D73D104B3E}" dt="2023-01-23T09:27:58.816" v="396"/>
          <ac:spMkLst>
            <pc:docMk/>
            <pc:sldMk cId="2181357851" sldId="303"/>
            <ac:spMk id="30" creationId="{DD0803BA-000C-4A05-8BF3-599845749D0C}"/>
          </ac:spMkLst>
        </pc:spChg>
        <pc:spChg chg="add mod">
          <ac:chgData name="Bianchi, Sascha" userId="b6c31fb8-48fb-4302-b2cd-81a24de3ee13" providerId="ADAL" clId="{09EB3350-1D0F-4B15-9CFF-C6D73D104B3E}" dt="2023-01-23T09:27:58.816" v="396"/>
          <ac:spMkLst>
            <pc:docMk/>
            <pc:sldMk cId="2181357851" sldId="303"/>
            <ac:spMk id="31" creationId="{2B52C3CD-95B7-43DF-B813-A16C93F7411B}"/>
          </ac:spMkLst>
        </pc:spChg>
        <pc:spChg chg="add mod">
          <ac:chgData name="Bianchi, Sascha" userId="b6c31fb8-48fb-4302-b2cd-81a24de3ee13" providerId="ADAL" clId="{09EB3350-1D0F-4B15-9CFF-C6D73D104B3E}" dt="2023-01-23T11:37:56.901" v="1302" actId="14100"/>
          <ac:spMkLst>
            <pc:docMk/>
            <pc:sldMk cId="2181357851" sldId="303"/>
            <ac:spMk id="32" creationId="{4EA46130-DBE0-44F1-9695-5AB94269BF66}"/>
          </ac:spMkLst>
        </pc:spChg>
        <pc:spChg chg="add mod">
          <ac:chgData name="Bianchi, Sascha" userId="b6c31fb8-48fb-4302-b2cd-81a24de3ee13" providerId="ADAL" clId="{09EB3350-1D0F-4B15-9CFF-C6D73D104B3E}" dt="2023-01-23T11:36:58.647" v="1262" actId="20577"/>
          <ac:spMkLst>
            <pc:docMk/>
            <pc:sldMk cId="2181357851" sldId="303"/>
            <ac:spMk id="33" creationId="{2B766676-C497-42CD-A196-4F78DA98E9E5}"/>
          </ac:spMkLst>
        </pc:spChg>
        <pc:spChg chg="add mod">
          <ac:chgData name="Bianchi, Sascha" userId="b6c31fb8-48fb-4302-b2cd-81a24de3ee13" providerId="ADAL" clId="{09EB3350-1D0F-4B15-9CFF-C6D73D104B3E}" dt="2023-01-23T11:37:40.326" v="1301" actId="20577"/>
          <ac:spMkLst>
            <pc:docMk/>
            <pc:sldMk cId="2181357851" sldId="303"/>
            <ac:spMk id="34" creationId="{B57505C5-5402-4D73-B4F5-12D639DE38E1}"/>
          </ac:spMkLst>
        </pc:spChg>
        <pc:spChg chg="add mod">
          <ac:chgData name="Bianchi, Sascha" userId="b6c31fb8-48fb-4302-b2cd-81a24de3ee13" providerId="ADAL" clId="{09EB3350-1D0F-4B15-9CFF-C6D73D104B3E}" dt="2023-01-23T11:37:17.768" v="1289" actId="20577"/>
          <ac:spMkLst>
            <pc:docMk/>
            <pc:sldMk cId="2181357851" sldId="303"/>
            <ac:spMk id="35" creationId="{EB1D746B-87F7-40FD-9AA8-83F36E56F74B}"/>
          </ac:spMkLst>
        </pc:spChg>
        <pc:spChg chg="add mod">
          <ac:chgData name="Bianchi, Sascha" userId="b6c31fb8-48fb-4302-b2cd-81a24de3ee13" providerId="ADAL" clId="{09EB3350-1D0F-4B15-9CFF-C6D73D104B3E}" dt="2023-01-23T09:27:58.816" v="396"/>
          <ac:spMkLst>
            <pc:docMk/>
            <pc:sldMk cId="2181357851" sldId="303"/>
            <ac:spMk id="36" creationId="{660B8F27-D17B-4392-8F30-2091E38EBD1A}"/>
          </ac:spMkLst>
        </pc:spChg>
        <pc:spChg chg="add mod">
          <ac:chgData name="Bianchi, Sascha" userId="b6c31fb8-48fb-4302-b2cd-81a24de3ee13" providerId="ADAL" clId="{09EB3350-1D0F-4B15-9CFF-C6D73D104B3E}" dt="2023-01-23T09:27:58.816" v="396"/>
          <ac:spMkLst>
            <pc:docMk/>
            <pc:sldMk cId="2181357851" sldId="303"/>
            <ac:spMk id="37" creationId="{E76EFACC-51EF-4A74-9A7E-9C333760521B}"/>
          </ac:spMkLst>
        </pc:spChg>
        <pc:spChg chg="add mod">
          <ac:chgData name="Bianchi, Sascha" userId="b6c31fb8-48fb-4302-b2cd-81a24de3ee13" providerId="ADAL" clId="{09EB3350-1D0F-4B15-9CFF-C6D73D104B3E}" dt="2023-01-23T09:27:58.816" v="396"/>
          <ac:spMkLst>
            <pc:docMk/>
            <pc:sldMk cId="2181357851" sldId="303"/>
            <ac:spMk id="38" creationId="{D8206FD3-695C-43C5-ADB7-2CE8B08833F7}"/>
          </ac:spMkLst>
        </pc:spChg>
      </pc:sldChg>
      <pc:sldChg chg="addSp delSp modSp add mod">
        <pc:chgData name="Bianchi, Sascha" userId="b6c31fb8-48fb-4302-b2cd-81a24de3ee13" providerId="ADAL" clId="{09EB3350-1D0F-4B15-9CFF-C6D73D104B3E}" dt="2023-01-24T07:38:51.627" v="1563" actId="6549"/>
        <pc:sldMkLst>
          <pc:docMk/>
          <pc:sldMk cId="3803277839" sldId="304"/>
        </pc:sldMkLst>
        <pc:spChg chg="mod">
          <ac:chgData name="Bianchi, Sascha" userId="b6c31fb8-48fb-4302-b2cd-81a24de3ee13" providerId="ADAL" clId="{09EB3350-1D0F-4B15-9CFF-C6D73D104B3E}" dt="2023-01-23T09:28:33.932" v="428" actId="20577"/>
          <ac:spMkLst>
            <pc:docMk/>
            <pc:sldMk cId="3803277839" sldId="304"/>
            <ac:spMk id="2" creationId="{9A78A7D5-403E-4A0B-9590-A55A34D0A849}"/>
          </ac:spMkLst>
        </pc:spChg>
        <pc:spChg chg="add mod">
          <ac:chgData name="Bianchi, Sascha" userId="b6c31fb8-48fb-4302-b2cd-81a24de3ee13" providerId="ADAL" clId="{09EB3350-1D0F-4B15-9CFF-C6D73D104B3E}" dt="2023-01-23T09:50:42.681" v="978" actId="1035"/>
          <ac:spMkLst>
            <pc:docMk/>
            <pc:sldMk cId="3803277839" sldId="304"/>
            <ac:spMk id="5" creationId="{2C7A7784-5728-423D-B796-A858915FA714}"/>
          </ac:spMkLst>
        </pc:spChg>
        <pc:spChg chg="del">
          <ac:chgData name="Bianchi, Sascha" userId="b6c31fb8-48fb-4302-b2cd-81a24de3ee13" providerId="ADAL" clId="{09EB3350-1D0F-4B15-9CFF-C6D73D104B3E}" dt="2023-01-23T09:28:23.990" v="408" actId="478"/>
          <ac:spMkLst>
            <pc:docMk/>
            <pc:sldMk cId="3803277839" sldId="304"/>
            <ac:spMk id="21" creationId="{DAC1F582-920C-4FA1-BA78-735C654201A1}"/>
          </ac:spMkLst>
        </pc:spChg>
        <pc:spChg chg="del">
          <ac:chgData name="Bianchi, Sascha" userId="b6c31fb8-48fb-4302-b2cd-81a24de3ee13" providerId="ADAL" clId="{09EB3350-1D0F-4B15-9CFF-C6D73D104B3E}" dt="2023-01-23T09:28:23.990" v="408" actId="478"/>
          <ac:spMkLst>
            <pc:docMk/>
            <pc:sldMk cId="3803277839" sldId="304"/>
            <ac:spMk id="26" creationId="{0532CD7E-F5DD-4DA1-B56E-710D37D22EBF}"/>
          </ac:spMkLst>
        </pc:spChg>
        <pc:spChg chg="del">
          <ac:chgData name="Bianchi, Sascha" userId="b6c31fb8-48fb-4302-b2cd-81a24de3ee13" providerId="ADAL" clId="{09EB3350-1D0F-4B15-9CFF-C6D73D104B3E}" dt="2023-01-23T09:28:23.990" v="408" actId="478"/>
          <ac:spMkLst>
            <pc:docMk/>
            <pc:sldMk cId="3803277839" sldId="304"/>
            <ac:spMk id="27" creationId="{B95D391F-12B8-49DA-8DF0-832732BF99D3}"/>
          </ac:spMkLst>
        </pc:spChg>
        <pc:spChg chg="del">
          <ac:chgData name="Bianchi, Sascha" userId="b6c31fb8-48fb-4302-b2cd-81a24de3ee13" providerId="ADAL" clId="{09EB3350-1D0F-4B15-9CFF-C6D73D104B3E}" dt="2023-01-23T09:28:23.990" v="408" actId="478"/>
          <ac:spMkLst>
            <pc:docMk/>
            <pc:sldMk cId="3803277839" sldId="304"/>
            <ac:spMk id="28" creationId="{37B36611-0088-49B9-9112-5C986D9E44DA}"/>
          </ac:spMkLst>
        </pc:spChg>
        <pc:spChg chg="del">
          <ac:chgData name="Bianchi, Sascha" userId="b6c31fb8-48fb-4302-b2cd-81a24de3ee13" providerId="ADAL" clId="{09EB3350-1D0F-4B15-9CFF-C6D73D104B3E}" dt="2023-01-23T09:28:23.990" v="408" actId="478"/>
          <ac:spMkLst>
            <pc:docMk/>
            <pc:sldMk cId="3803277839" sldId="304"/>
            <ac:spMk id="29" creationId="{5494B3BD-CE55-45EA-A041-341535B3A637}"/>
          </ac:spMkLst>
        </pc:spChg>
        <pc:spChg chg="del">
          <ac:chgData name="Bianchi, Sascha" userId="b6c31fb8-48fb-4302-b2cd-81a24de3ee13" providerId="ADAL" clId="{09EB3350-1D0F-4B15-9CFF-C6D73D104B3E}" dt="2023-01-23T09:28:23.990" v="408" actId="478"/>
          <ac:spMkLst>
            <pc:docMk/>
            <pc:sldMk cId="3803277839" sldId="304"/>
            <ac:spMk id="30" creationId="{DD0803BA-000C-4A05-8BF3-599845749D0C}"/>
          </ac:spMkLst>
        </pc:spChg>
        <pc:spChg chg="del">
          <ac:chgData name="Bianchi, Sascha" userId="b6c31fb8-48fb-4302-b2cd-81a24de3ee13" providerId="ADAL" clId="{09EB3350-1D0F-4B15-9CFF-C6D73D104B3E}" dt="2023-01-23T09:28:23.990" v="408" actId="478"/>
          <ac:spMkLst>
            <pc:docMk/>
            <pc:sldMk cId="3803277839" sldId="304"/>
            <ac:spMk id="31" creationId="{2B52C3CD-95B7-43DF-B813-A16C93F7411B}"/>
          </ac:spMkLst>
        </pc:spChg>
        <pc:spChg chg="del">
          <ac:chgData name="Bianchi, Sascha" userId="b6c31fb8-48fb-4302-b2cd-81a24de3ee13" providerId="ADAL" clId="{09EB3350-1D0F-4B15-9CFF-C6D73D104B3E}" dt="2023-01-23T09:28:23.990" v="408" actId="478"/>
          <ac:spMkLst>
            <pc:docMk/>
            <pc:sldMk cId="3803277839" sldId="304"/>
            <ac:spMk id="32" creationId="{4EA46130-DBE0-44F1-9695-5AB94269BF66}"/>
          </ac:spMkLst>
        </pc:spChg>
        <pc:spChg chg="del">
          <ac:chgData name="Bianchi, Sascha" userId="b6c31fb8-48fb-4302-b2cd-81a24de3ee13" providerId="ADAL" clId="{09EB3350-1D0F-4B15-9CFF-C6D73D104B3E}" dt="2023-01-23T09:28:23.990" v="408" actId="478"/>
          <ac:spMkLst>
            <pc:docMk/>
            <pc:sldMk cId="3803277839" sldId="304"/>
            <ac:spMk id="33" creationId="{2B766676-C497-42CD-A196-4F78DA98E9E5}"/>
          </ac:spMkLst>
        </pc:spChg>
        <pc:spChg chg="del">
          <ac:chgData name="Bianchi, Sascha" userId="b6c31fb8-48fb-4302-b2cd-81a24de3ee13" providerId="ADAL" clId="{09EB3350-1D0F-4B15-9CFF-C6D73D104B3E}" dt="2023-01-23T09:28:23.990" v="408" actId="478"/>
          <ac:spMkLst>
            <pc:docMk/>
            <pc:sldMk cId="3803277839" sldId="304"/>
            <ac:spMk id="34" creationId="{B57505C5-5402-4D73-B4F5-12D639DE38E1}"/>
          </ac:spMkLst>
        </pc:spChg>
        <pc:spChg chg="del">
          <ac:chgData name="Bianchi, Sascha" userId="b6c31fb8-48fb-4302-b2cd-81a24de3ee13" providerId="ADAL" clId="{09EB3350-1D0F-4B15-9CFF-C6D73D104B3E}" dt="2023-01-23T09:28:23.990" v="408" actId="478"/>
          <ac:spMkLst>
            <pc:docMk/>
            <pc:sldMk cId="3803277839" sldId="304"/>
            <ac:spMk id="35" creationId="{EB1D746B-87F7-40FD-9AA8-83F36E56F74B}"/>
          </ac:spMkLst>
        </pc:spChg>
        <pc:spChg chg="del">
          <ac:chgData name="Bianchi, Sascha" userId="b6c31fb8-48fb-4302-b2cd-81a24de3ee13" providerId="ADAL" clId="{09EB3350-1D0F-4B15-9CFF-C6D73D104B3E}" dt="2023-01-23T09:28:23.990" v="408" actId="478"/>
          <ac:spMkLst>
            <pc:docMk/>
            <pc:sldMk cId="3803277839" sldId="304"/>
            <ac:spMk id="36" creationId="{660B8F27-D17B-4392-8F30-2091E38EBD1A}"/>
          </ac:spMkLst>
        </pc:spChg>
        <pc:spChg chg="del">
          <ac:chgData name="Bianchi, Sascha" userId="b6c31fb8-48fb-4302-b2cd-81a24de3ee13" providerId="ADAL" clId="{09EB3350-1D0F-4B15-9CFF-C6D73D104B3E}" dt="2023-01-23T09:28:23.990" v="408" actId="478"/>
          <ac:spMkLst>
            <pc:docMk/>
            <pc:sldMk cId="3803277839" sldId="304"/>
            <ac:spMk id="37" creationId="{E76EFACC-51EF-4A74-9A7E-9C333760521B}"/>
          </ac:spMkLst>
        </pc:spChg>
        <pc:spChg chg="del">
          <ac:chgData name="Bianchi, Sascha" userId="b6c31fb8-48fb-4302-b2cd-81a24de3ee13" providerId="ADAL" clId="{09EB3350-1D0F-4B15-9CFF-C6D73D104B3E}" dt="2023-01-23T09:28:23.990" v="408" actId="478"/>
          <ac:spMkLst>
            <pc:docMk/>
            <pc:sldMk cId="3803277839" sldId="304"/>
            <ac:spMk id="38" creationId="{D8206FD3-695C-43C5-ADB7-2CE8B08833F7}"/>
          </ac:spMkLst>
        </pc:spChg>
        <pc:graphicFrameChg chg="add mod modGraphic">
          <ac:chgData name="Bianchi, Sascha" userId="b6c31fb8-48fb-4302-b2cd-81a24de3ee13" providerId="ADAL" clId="{09EB3350-1D0F-4B15-9CFF-C6D73D104B3E}" dt="2023-01-24T07:38:51.627" v="1563" actId="6549"/>
          <ac:graphicFrameMkLst>
            <pc:docMk/>
            <pc:sldMk cId="3803277839" sldId="304"/>
            <ac:graphicFrameMk id="19" creationId="{666D4FB8-8916-494B-BBBF-22D9BFD45962}"/>
          </ac:graphicFrameMkLst>
        </pc:graphicFrameChg>
      </pc:sldChg>
      <pc:sldChg chg="addSp delSp modSp add mod">
        <pc:chgData name="Bianchi, Sascha" userId="b6c31fb8-48fb-4302-b2cd-81a24de3ee13" providerId="ADAL" clId="{09EB3350-1D0F-4B15-9CFF-C6D73D104B3E}" dt="2023-01-23T09:34:28.158" v="542" actId="20577"/>
        <pc:sldMkLst>
          <pc:docMk/>
          <pc:sldMk cId="2663114340" sldId="305"/>
        </pc:sldMkLst>
        <pc:spChg chg="mod">
          <ac:chgData name="Bianchi, Sascha" userId="b6c31fb8-48fb-4302-b2cd-81a24de3ee13" providerId="ADAL" clId="{09EB3350-1D0F-4B15-9CFF-C6D73D104B3E}" dt="2023-01-23T09:29:05.822" v="459" actId="20577"/>
          <ac:spMkLst>
            <pc:docMk/>
            <pc:sldMk cId="2663114340" sldId="305"/>
            <ac:spMk id="2" creationId="{9A78A7D5-403E-4A0B-9590-A55A34D0A849}"/>
          </ac:spMkLst>
        </pc:spChg>
        <pc:spChg chg="add del mod">
          <ac:chgData name="Bianchi, Sascha" userId="b6c31fb8-48fb-4302-b2cd-81a24de3ee13" providerId="ADAL" clId="{09EB3350-1D0F-4B15-9CFF-C6D73D104B3E}" dt="2023-01-23T09:28:56.675" v="433" actId="478"/>
          <ac:spMkLst>
            <pc:docMk/>
            <pc:sldMk cId="2663114340" sldId="305"/>
            <ac:spMk id="6" creationId="{C3955D6A-DC3C-48DD-8344-A042EE849F3B}"/>
          </ac:spMkLst>
        </pc:spChg>
        <pc:spChg chg="mod">
          <ac:chgData name="Bianchi, Sascha" userId="b6c31fb8-48fb-4302-b2cd-81a24de3ee13" providerId="ADAL" clId="{09EB3350-1D0F-4B15-9CFF-C6D73D104B3E}" dt="2023-01-23T09:28:54.867" v="432"/>
          <ac:spMkLst>
            <pc:docMk/>
            <pc:sldMk cId="2663114340" sldId="305"/>
            <ac:spMk id="10" creationId="{E03AF786-6824-4B97-8C57-8B1B3B7962E1}"/>
          </ac:spMkLst>
        </pc:spChg>
        <pc:spChg chg="mod">
          <ac:chgData name="Bianchi, Sascha" userId="b6c31fb8-48fb-4302-b2cd-81a24de3ee13" providerId="ADAL" clId="{09EB3350-1D0F-4B15-9CFF-C6D73D104B3E}" dt="2023-01-23T09:28:54.867" v="432"/>
          <ac:spMkLst>
            <pc:docMk/>
            <pc:sldMk cId="2663114340" sldId="305"/>
            <ac:spMk id="11" creationId="{58C81A01-094C-4D0E-BFA0-27E85B283665}"/>
          </ac:spMkLst>
        </pc:spChg>
        <pc:spChg chg="mod">
          <ac:chgData name="Bianchi, Sascha" userId="b6c31fb8-48fb-4302-b2cd-81a24de3ee13" providerId="ADAL" clId="{09EB3350-1D0F-4B15-9CFF-C6D73D104B3E}" dt="2023-01-23T09:28:54.867" v="432"/>
          <ac:spMkLst>
            <pc:docMk/>
            <pc:sldMk cId="2663114340" sldId="305"/>
            <ac:spMk id="12" creationId="{6D220ABC-5B84-47BC-AE01-09D47906AE8C}"/>
          </ac:spMkLst>
        </pc:spChg>
        <pc:spChg chg="mod">
          <ac:chgData name="Bianchi, Sascha" userId="b6c31fb8-48fb-4302-b2cd-81a24de3ee13" providerId="ADAL" clId="{09EB3350-1D0F-4B15-9CFF-C6D73D104B3E}" dt="2023-01-23T09:28:54.867" v="432"/>
          <ac:spMkLst>
            <pc:docMk/>
            <pc:sldMk cId="2663114340" sldId="305"/>
            <ac:spMk id="13" creationId="{BCE14455-840E-4D86-B33C-9BBB150E7FA7}"/>
          </ac:spMkLst>
        </pc:spChg>
        <pc:spChg chg="add mod">
          <ac:chgData name="Bianchi, Sascha" userId="b6c31fb8-48fb-4302-b2cd-81a24de3ee13" providerId="ADAL" clId="{09EB3350-1D0F-4B15-9CFF-C6D73D104B3E}" dt="2023-01-23T09:28:54.867" v="432"/>
          <ac:spMkLst>
            <pc:docMk/>
            <pc:sldMk cId="2663114340" sldId="305"/>
            <ac:spMk id="15" creationId="{F7C0F00E-5CA9-48BB-9B56-471F597132BD}"/>
          </ac:spMkLst>
        </pc:spChg>
        <pc:spChg chg="add mod">
          <ac:chgData name="Bianchi, Sascha" userId="b6c31fb8-48fb-4302-b2cd-81a24de3ee13" providerId="ADAL" clId="{09EB3350-1D0F-4B15-9CFF-C6D73D104B3E}" dt="2023-01-23T09:28:54.867" v="432"/>
          <ac:spMkLst>
            <pc:docMk/>
            <pc:sldMk cId="2663114340" sldId="305"/>
            <ac:spMk id="16" creationId="{6F77DBFD-9552-4724-9B04-C358BC735725}"/>
          </ac:spMkLst>
        </pc:spChg>
        <pc:spChg chg="add mod">
          <ac:chgData name="Bianchi, Sascha" userId="b6c31fb8-48fb-4302-b2cd-81a24de3ee13" providerId="ADAL" clId="{09EB3350-1D0F-4B15-9CFF-C6D73D104B3E}" dt="2023-01-23T09:34:28.158" v="542" actId="20577"/>
          <ac:spMkLst>
            <pc:docMk/>
            <pc:sldMk cId="2663114340" sldId="305"/>
            <ac:spMk id="18" creationId="{E138BAB4-C4D1-4D23-960B-DF245CDA180B}"/>
          </ac:spMkLst>
        </pc:spChg>
        <pc:spChg chg="add mod">
          <ac:chgData name="Bianchi, Sascha" userId="b6c31fb8-48fb-4302-b2cd-81a24de3ee13" providerId="ADAL" clId="{09EB3350-1D0F-4B15-9CFF-C6D73D104B3E}" dt="2023-01-23T09:33:29.450" v="534" actId="20577"/>
          <ac:spMkLst>
            <pc:docMk/>
            <pc:sldMk cId="2663114340" sldId="305"/>
            <ac:spMk id="20" creationId="{80FBB82F-D78E-4B88-93EE-253118B915A9}"/>
          </ac:spMkLst>
        </pc:spChg>
        <pc:spChg chg="add mod">
          <ac:chgData name="Bianchi, Sascha" userId="b6c31fb8-48fb-4302-b2cd-81a24de3ee13" providerId="ADAL" clId="{09EB3350-1D0F-4B15-9CFF-C6D73D104B3E}" dt="2023-01-23T09:28:54.867" v="432"/>
          <ac:spMkLst>
            <pc:docMk/>
            <pc:sldMk cId="2663114340" sldId="305"/>
            <ac:spMk id="22" creationId="{DE06776B-65E7-40C5-AAAE-DC4BBBB409BA}"/>
          </ac:spMkLst>
        </pc:spChg>
        <pc:spChg chg="add mod">
          <ac:chgData name="Bianchi, Sascha" userId="b6c31fb8-48fb-4302-b2cd-81a24de3ee13" providerId="ADAL" clId="{09EB3350-1D0F-4B15-9CFF-C6D73D104B3E}" dt="2023-01-23T09:28:54.867" v="432"/>
          <ac:spMkLst>
            <pc:docMk/>
            <pc:sldMk cId="2663114340" sldId="305"/>
            <ac:spMk id="23" creationId="{7853229E-44C7-4DBF-A105-49CB4B62F16C}"/>
          </ac:spMkLst>
        </pc:spChg>
        <pc:spChg chg="add mod">
          <ac:chgData name="Bianchi, Sascha" userId="b6c31fb8-48fb-4302-b2cd-81a24de3ee13" providerId="ADAL" clId="{09EB3350-1D0F-4B15-9CFF-C6D73D104B3E}" dt="2023-01-23T09:28:54.867" v="432"/>
          <ac:spMkLst>
            <pc:docMk/>
            <pc:sldMk cId="2663114340" sldId="305"/>
            <ac:spMk id="25" creationId="{2FFAD082-8EC3-4444-868A-0D30DFC355A1}"/>
          </ac:spMkLst>
        </pc:spChg>
        <pc:spChg chg="add mod">
          <ac:chgData name="Bianchi, Sascha" userId="b6c31fb8-48fb-4302-b2cd-81a24de3ee13" providerId="ADAL" clId="{09EB3350-1D0F-4B15-9CFF-C6D73D104B3E}" dt="2023-01-23T09:28:54.867" v="432"/>
          <ac:spMkLst>
            <pc:docMk/>
            <pc:sldMk cId="2663114340" sldId="305"/>
            <ac:spMk id="26" creationId="{A836BB4E-90C2-456C-AA32-8D33641B8B44}"/>
          </ac:spMkLst>
        </pc:spChg>
        <pc:grpChg chg="add mod">
          <ac:chgData name="Bianchi, Sascha" userId="b6c31fb8-48fb-4302-b2cd-81a24de3ee13" providerId="ADAL" clId="{09EB3350-1D0F-4B15-9CFF-C6D73D104B3E}" dt="2023-01-23T09:28:54.867" v="432"/>
          <ac:grpSpMkLst>
            <pc:docMk/>
            <pc:sldMk cId="2663114340" sldId="305"/>
            <ac:grpSpMk id="8" creationId="{FF34E2BE-0D1E-4FC4-9B38-6DDBF4562AD1}"/>
          </ac:grpSpMkLst>
        </pc:grpChg>
        <pc:graphicFrameChg chg="mod">
          <ac:chgData name="Bianchi, Sascha" userId="b6c31fb8-48fb-4302-b2cd-81a24de3ee13" providerId="ADAL" clId="{09EB3350-1D0F-4B15-9CFF-C6D73D104B3E}" dt="2023-01-23T09:28:54.867" v="432"/>
          <ac:graphicFrameMkLst>
            <pc:docMk/>
            <pc:sldMk cId="2663114340" sldId="305"/>
            <ac:graphicFrameMk id="9" creationId="{BCB55D09-DFE1-4621-9C25-F3E34FA0D197}"/>
          </ac:graphicFrameMkLst>
        </pc:graphicFrameChg>
        <pc:graphicFrameChg chg="del">
          <ac:chgData name="Bianchi, Sascha" userId="b6c31fb8-48fb-4302-b2cd-81a24de3ee13" providerId="ADAL" clId="{09EB3350-1D0F-4B15-9CFF-C6D73D104B3E}" dt="2023-01-23T09:28:54.466" v="431" actId="478"/>
          <ac:graphicFrameMkLst>
            <pc:docMk/>
            <pc:sldMk cId="2663114340" sldId="305"/>
            <ac:graphicFrameMk id="19" creationId="{666D4FB8-8916-494B-BBBF-22D9BFD45962}"/>
          </ac:graphicFrameMkLst>
        </pc:graphicFrameChg>
        <pc:cxnChg chg="add mod">
          <ac:chgData name="Bianchi, Sascha" userId="b6c31fb8-48fb-4302-b2cd-81a24de3ee13" providerId="ADAL" clId="{09EB3350-1D0F-4B15-9CFF-C6D73D104B3E}" dt="2023-01-23T09:28:54.867" v="432"/>
          <ac:cxnSpMkLst>
            <pc:docMk/>
            <pc:sldMk cId="2663114340" sldId="305"/>
            <ac:cxnSpMk id="14" creationId="{C2AF1FBD-951E-461A-AD81-95A0A6B81639}"/>
          </ac:cxnSpMkLst>
        </pc:cxnChg>
        <pc:cxnChg chg="add mod">
          <ac:chgData name="Bianchi, Sascha" userId="b6c31fb8-48fb-4302-b2cd-81a24de3ee13" providerId="ADAL" clId="{09EB3350-1D0F-4B15-9CFF-C6D73D104B3E}" dt="2023-01-23T09:28:54.867" v="432"/>
          <ac:cxnSpMkLst>
            <pc:docMk/>
            <pc:sldMk cId="2663114340" sldId="305"/>
            <ac:cxnSpMk id="17" creationId="{F28F0E66-B1B5-4FCC-9EBF-6F4B654EED6B}"/>
          </ac:cxnSpMkLst>
        </pc:cxnChg>
        <pc:cxnChg chg="add mod">
          <ac:chgData name="Bianchi, Sascha" userId="b6c31fb8-48fb-4302-b2cd-81a24de3ee13" providerId="ADAL" clId="{09EB3350-1D0F-4B15-9CFF-C6D73D104B3E}" dt="2023-01-23T09:28:54.867" v="432"/>
          <ac:cxnSpMkLst>
            <pc:docMk/>
            <pc:sldMk cId="2663114340" sldId="305"/>
            <ac:cxnSpMk id="21" creationId="{34FD7200-677E-43BC-9667-A408D9496055}"/>
          </ac:cxnSpMkLst>
        </pc:cxnChg>
        <pc:cxnChg chg="add mod">
          <ac:chgData name="Bianchi, Sascha" userId="b6c31fb8-48fb-4302-b2cd-81a24de3ee13" providerId="ADAL" clId="{09EB3350-1D0F-4B15-9CFF-C6D73D104B3E}" dt="2023-01-23T09:28:54.867" v="432"/>
          <ac:cxnSpMkLst>
            <pc:docMk/>
            <pc:sldMk cId="2663114340" sldId="305"/>
            <ac:cxnSpMk id="24" creationId="{780D3F28-FCFA-4F7F-BD11-EB4888C77CB1}"/>
          </ac:cxnSpMkLst>
        </pc:cxnChg>
      </pc:sldChg>
      <pc:sldChg chg="addSp delSp modSp add mod">
        <pc:chgData name="Bianchi, Sascha" userId="b6c31fb8-48fb-4302-b2cd-81a24de3ee13" providerId="ADAL" clId="{09EB3350-1D0F-4B15-9CFF-C6D73D104B3E}" dt="2023-01-24T07:23:20.025" v="1398" actId="6549"/>
        <pc:sldMkLst>
          <pc:docMk/>
          <pc:sldMk cId="1328112424" sldId="306"/>
        </pc:sldMkLst>
        <pc:spChg chg="mod">
          <ac:chgData name="Bianchi, Sascha" userId="b6c31fb8-48fb-4302-b2cd-81a24de3ee13" providerId="ADAL" clId="{09EB3350-1D0F-4B15-9CFF-C6D73D104B3E}" dt="2023-01-24T07:23:20.025" v="1398" actId="6549"/>
          <ac:spMkLst>
            <pc:docMk/>
            <pc:sldMk cId="1328112424" sldId="306"/>
            <ac:spMk id="2" creationId="{9A78A7D5-403E-4A0B-9590-A55A34D0A849}"/>
          </ac:spMkLst>
        </pc:spChg>
        <pc:spChg chg="del">
          <ac:chgData name="Bianchi, Sascha" userId="b6c31fb8-48fb-4302-b2cd-81a24de3ee13" providerId="ADAL" clId="{09EB3350-1D0F-4B15-9CFF-C6D73D104B3E}" dt="2023-01-23T09:29:31.892" v="480" actId="478"/>
          <ac:spMkLst>
            <pc:docMk/>
            <pc:sldMk cId="1328112424" sldId="306"/>
            <ac:spMk id="5" creationId="{CEFA2E72-8281-4D37-AE13-C0DE17C03367}"/>
          </ac:spMkLst>
        </pc:spChg>
        <pc:spChg chg="del">
          <ac:chgData name="Bianchi, Sascha" userId="b6c31fb8-48fb-4302-b2cd-81a24de3ee13" providerId="ADAL" clId="{09EB3350-1D0F-4B15-9CFF-C6D73D104B3E}" dt="2023-01-23T09:29:31.892" v="480" actId="478"/>
          <ac:spMkLst>
            <pc:docMk/>
            <pc:sldMk cId="1328112424" sldId="306"/>
            <ac:spMk id="6" creationId="{C8D74833-9E31-490C-89E6-74DE4742F118}"/>
          </ac:spMkLst>
        </pc:spChg>
        <pc:spChg chg="del">
          <ac:chgData name="Bianchi, Sascha" userId="b6c31fb8-48fb-4302-b2cd-81a24de3ee13" providerId="ADAL" clId="{09EB3350-1D0F-4B15-9CFF-C6D73D104B3E}" dt="2023-01-23T09:29:31.892" v="480" actId="478"/>
          <ac:spMkLst>
            <pc:docMk/>
            <pc:sldMk cId="1328112424" sldId="306"/>
            <ac:spMk id="7" creationId="{048B75ED-331F-4CC3-9E81-7D4BB7E9F545}"/>
          </ac:spMkLst>
        </pc:spChg>
        <pc:spChg chg="del">
          <ac:chgData name="Bianchi, Sascha" userId="b6c31fb8-48fb-4302-b2cd-81a24de3ee13" providerId="ADAL" clId="{09EB3350-1D0F-4B15-9CFF-C6D73D104B3E}" dt="2023-01-23T09:29:31.892" v="480" actId="478"/>
          <ac:spMkLst>
            <pc:docMk/>
            <pc:sldMk cId="1328112424" sldId="306"/>
            <ac:spMk id="8" creationId="{033EB327-A5E8-4B75-B0BC-CCD2A8A03FC1}"/>
          </ac:spMkLst>
        </pc:spChg>
        <pc:spChg chg="del">
          <ac:chgData name="Bianchi, Sascha" userId="b6c31fb8-48fb-4302-b2cd-81a24de3ee13" providerId="ADAL" clId="{09EB3350-1D0F-4B15-9CFF-C6D73D104B3E}" dt="2023-01-23T09:29:31.892" v="480" actId="478"/>
          <ac:spMkLst>
            <pc:docMk/>
            <pc:sldMk cId="1328112424" sldId="306"/>
            <ac:spMk id="9" creationId="{8A64D6BF-1783-4760-9258-D00A7E6477BC}"/>
          </ac:spMkLst>
        </pc:spChg>
        <pc:spChg chg="del">
          <ac:chgData name="Bianchi, Sascha" userId="b6c31fb8-48fb-4302-b2cd-81a24de3ee13" providerId="ADAL" clId="{09EB3350-1D0F-4B15-9CFF-C6D73D104B3E}" dt="2023-01-23T09:29:31.892" v="480" actId="478"/>
          <ac:spMkLst>
            <pc:docMk/>
            <pc:sldMk cId="1328112424" sldId="306"/>
            <ac:spMk id="10" creationId="{C7CF0C3C-D620-4C37-B8DF-A35AA1E2369E}"/>
          </ac:spMkLst>
        </pc:spChg>
        <pc:spChg chg="del">
          <ac:chgData name="Bianchi, Sascha" userId="b6c31fb8-48fb-4302-b2cd-81a24de3ee13" providerId="ADAL" clId="{09EB3350-1D0F-4B15-9CFF-C6D73D104B3E}" dt="2023-01-23T09:29:31.892" v="480" actId="478"/>
          <ac:spMkLst>
            <pc:docMk/>
            <pc:sldMk cId="1328112424" sldId="306"/>
            <ac:spMk id="11" creationId="{54CD6521-ED9F-4D28-B21E-8A411E59A3D6}"/>
          </ac:spMkLst>
        </pc:spChg>
        <pc:spChg chg="del">
          <ac:chgData name="Bianchi, Sascha" userId="b6c31fb8-48fb-4302-b2cd-81a24de3ee13" providerId="ADAL" clId="{09EB3350-1D0F-4B15-9CFF-C6D73D104B3E}" dt="2023-01-23T09:29:31.892" v="480" actId="478"/>
          <ac:spMkLst>
            <pc:docMk/>
            <pc:sldMk cId="1328112424" sldId="306"/>
            <ac:spMk id="12" creationId="{0D3A6320-7C1B-4AF5-A4CA-1E3A86448323}"/>
          </ac:spMkLst>
        </pc:spChg>
        <pc:spChg chg="del">
          <ac:chgData name="Bianchi, Sascha" userId="b6c31fb8-48fb-4302-b2cd-81a24de3ee13" providerId="ADAL" clId="{09EB3350-1D0F-4B15-9CFF-C6D73D104B3E}" dt="2023-01-23T09:29:31.892" v="480" actId="478"/>
          <ac:spMkLst>
            <pc:docMk/>
            <pc:sldMk cId="1328112424" sldId="306"/>
            <ac:spMk id="13" creationId="{62012F45-7EEF-4A4B-985F-45729AB8AC1B}"/>
          </ac:spMkLst>
        </pc:spChg>
        <pc:spChg chg="del">
          <ac:chgData name="Bianchi, Sascha" userId="b6c31fb8-48fb-4302-b2cd-81a24de3ee13" providerId="ADAL" clId="{09EB3350-1D0F-4B15-9CFF-C6D73D104B3E}" dt="2023-01-23T09:29:31.892" v="480" actId="478"/>
          <ac:spMkLst>
            <pc:docMk/>
            <pc:sldMk cId="1328112424" sldId="306"/>
            <ac:spMk id="14" creationId="{C644A81C-EDBD-4667-B028-E87CDB319588}"/>
          </ac:spMkLst>
        </pc:spChg>
        <pc:spChg chg="del">
          <ac:chgData name="Bianchi, Sascha" userId="b6c31fb8-48fb-4302-b2cd-81a24de3ee13" providerId="ADAL" clId="{09EB3350-1D0F-4B15-9CFF-C6D73D104B3E}" dt="2023-01-23T09:29:31.892" v="480" actId="478"/>
          <ac:spMkLst>
            <pc:docMk/>
            <pc:sldMk cId="1328112424" sldId="306"/>
            <ac:spMk id="15" creationId="{D32FC2C1-00AF-4D01-9890-ADEDF64A064A}"/>
          </ac:spMkLst>
        </pc:spChg>
        <pc:spChg chg="del">
          <ac:chgData name="Bianchi, Sascha" userId="b6c31fb8-48fb-4302-b2cd-81a24de3ee13" providerId="ADAL" clId="{09EB3350-1D0F-4B15-9CFF-C6D73D104B3E}" dt="2023-01-23T09:29:31.892" v="480" actId="478"/>
          <ac:spMkLst>
            <pc:docMk/>
            <pc:sldMk cId="1328112424" sldId="306"/>
            <ac:spMk id="16" creationId="{C44324E0-A797-4C24-93B1-3298530A0F4A}"/>
          </ac:spMkLst>
        </pc:spChg>
        <pc:spChg chg="add mod">
          <ac:chgData name="Bianchi, Sascha" userId="b6c31fb8-48fb-4302-b2cd-81a24de3ee13" providerId="ADAL" clId="{09EB3350-1D0F-4B15-9CFF-C6D73D104B3E}" dt="2023-01-23T09:29:32.273" v="481"/>
          <ac:spMkLst>
            <pc:docMk/>
            <pc:sldMk cId="1328112424" sldId="306"/>
            <ac:spMk id="21" creationId="{DECB8507-1AEC-4FB0-8CEB-726313BEB7F8}"/>
          </ac:spMkLst>
        </pc:spChg>
        <pc:spChg chg="del">
          <ac:chgData name="Bianchi, Sascha" userId="b6c31fb8-48fb-4302-b2cd-81a24de3ee13" providerId="ADAL" clId="{09EB3350-1D0F-4B15-9CFF-C6D73D104B3E}" dt="2023-01-23T09:29:31.892" v="480" actId="478"/>
          <ac:spMkLst>
            <pc:docMk/>
            <pc:sldMk cId="1328112424" sldId="306"/>
            <ac:spMk id="22" creationId="{1517AE1A-56F7-4665-91C9-DB33473E690B}"/>
          </ac:spMkLst>
        </pc:spChg>
        <pc:spChg chg="del">
          <ac:chgData name="Bianchi, Sascha" userId="b6c31fb8-48fb-4302-b2cd-81a24de3ee13" providerId="ADAL" clId="{09EB3350-1D0F-4B15-9CFF-C6D73D104B3E}" dt="2023-01-23T09:29:31.892" v="480" actId="478"/>
          <ac:spMkLst>
            <pc:docMk/>
            <pc:sldMk cId="1328112424" sldId="306"/>
            <ac:spMk id="23" creationId="{15434B33-3C34-4882-BE85-40F2B8624F4B}"/>
          </ac:spMkLst>
        </pc:spChg>
        <pc:spChg chg="del">
          <ac:chgData name="Bianchi, Sascha" userId="b6c31fb8-48fb-4302-b2cd-81a24de3ee13" providerId="ADAL" clId="{09EB3350-1D0F-4B15-9CFF-C6D73D104B3E}" dt="2023-01-23T09:29:31.892" v="480" actId="478"/>
          <ac:spMkLst>
            <pc:docMk/>
            <pc:sldMk cId="1328112424" sldId="306"/>
            <ac:spMk id="24" creationId="{88706657-D985-4E0D-9417-631BEC0F1F4C}"/>
          </ac:spMkLst>
        </pc:spChg>
        <pc:spChg chg="del">
          <ac:chgData name="Bianchi, Sascha" userId="b6c31fb8-48fb-4302-b2cd-81a24de3ee13" providerId="ADAL" clId="{09EB3350-1D0F-4B15-9CFF-C6D73D104B3E}" dt="2023-01-23T09:29:31.892" v="480" actId="478"/>
          <ac:spMkLst>
            <pc:docMk/>
            <pc:sldMk cId="1328112424" sldId="306"/>
            <ac:spMk id="25" creationId="{E628C9D7-23BC-484D-8394-F87ADC3D43D8}"/>
          </ac:spMkLst>
        </pc:spChg>
        <pc:picChg chg="add mod">
          <ac:chgData name="Bianchi, Sascha" userId="b6c31fb8-48fb-4302-b2cd-81a24de3ee13" providerId="ADAL" clId="{09EB3350-1D0F-4B15-9CFF-C6D73D104B3E}" dt="2023-01-23T09:29:32.273" v="481"/>
          <ac:picMkLst>
            <pc:docMk/>
            <pc:sldMk cId="1328112424" sldId="306"/>
            <ac:picMk id="26" creationId="{DC9A0225-0D49-47A9-B344-8CC510CF4956}"/>
          </ac:picMkLst>
        </pc:picChg>
      </pc:sldChg>
      <pc:sldChg chg="addSp delSp modSp add mod modAnim">
        <pc:chgData name="Bianchi, Sascha" userId="b6c31fb8-48fb-4302-b2cd-81a24de3ee13" providerId="ADAL" clId="{09EB3350-1D0F-4B15-9CFF-C6D73D104B3E}" dt="2023-01-23T09:47:17.816" v="820" actId="20577"/>
        <pc:sldMkLst>
          <pc:docMk/>
          <pc:sldMk cId="2411013999" sldId="307"/>
        </pc:sldMkLst>
        <pc:spChg chg="mod">
          <ac:chgData name="Bianchi, Sascha" userId="b6c31fb8-48fb-4302-b2cd-81a24de3ee13" providerId="ADAL" clId="{09EB3350-1D0F-4B15-9CFF-C6D73D104B3E}" dt="2023-01-23T09:29:57.541" v="500" actId="20577"/>
          <ac:spMkLst>
            <pc:docMk/>
            <pc:sldMk cId="2411013999" sldId="307"/>
            <ac:spMk id="2" creationId="{9A78A7D5-403E-4A0B-9590-A55A34D0A849}"/>
          </ac:spMkLst>
        </pc:spChg>
        <pc:spChg chg="add mod">
          <ac:chgData name="Bianchi, Sascha" userId="b6c31fb8-48fb-4302-b2cd-81a24de3ee13" providerId="ADAL" clId="{09EB3350-1D0F-4B15-9CFF-C6D73D104B3E}" dt="2023-01-23T09:30:20.296" v="504"/>
          <ac:spMkLst>
            <pc:docMk/>
            <pc:sldMk cId="2411013999" sldId="307"/>
            <ac:spMk id="5" creationId="{8BFD0D3A-2C7B-449F-9B44-32447549922D}"/>
          </ac:spMkLst>
        </pc:spChg>
        <pc:spChg chg="add del mod ord">
          <ac:chgData name="Bianchi, Sascha" userId="b6c31fb8-48fb-4302-b2cd-81a24de3ee13" providerId="ADAL" clId="{09EB3350-1D0F-4B15-9CFF-C6D73D104B3E}" dt="2023-01-23T09:30:33.069" v="507" actId="167"/>
          <ac:spMkLst>
            <pc:docMk/>
            <pc:sldMk cId="2411013999" sldId="307"/>
            <ac:spMk id="6" creationId="{94084D63-1918-49FC-843E-81310F184078}"/>
          </ac:spMkLst>
        </pc:spChg>
        <pc:spChg chg="add mod">
          <ac:chgData name="Bianchi, Sascha" userId="b6c31fb8-48fb-4302-b2cd-81a24de3ee13" providerId="ADAL" clId="{09EB3350-1D0F-4B15-9CFF-C6D73D104B3E}" dt="2023-01-23T09:30:20.296" v="504"/>
          <ac:spMkLst>
            <pc:docMk/>
            <pc:sldMk cId="2411013999" sldId="307"/>
            <ac:spMk id="7" creationId="{68E90371-B592-495B-BFDD-8315D325DE55}"/>
          </ac:spMkLst>
        </pc:spChg>
        <pc:spChg chg="add mod">
          <ac:chgData name="Bianchi, Sascha" userId="b6c31fb8-48fb-4302-b2cd-81a24de3ee13" providerId="ADAL" clId="{09EB3350-1D0F-4B15-9CFF-C6D73D104B3E}" dt="2023-01-23T09:30:20.296" v="504"/>
          <ac:spMkLst>
            <pc:docMk/>
            <pc:sldMk cId="2411013999" sldId="307"/>
            <ac:spMk id="8" creationId="{E4D38B2B-6C19-4F00-9784-62C2EA630762}"/>
          </ac:spMkLst>
        </pc:spChg>
        <pc:spChg chg="add mod">
          <ac:chgData name="Bianchi, Sascha" userId="b6c31fb8-48fb-4302-b2cd-81a24de3ee13" providerId="ADAL" clId="{09EB3350-1D0F-4B15-9CFF-C6D73D104B3E}" dt="2023-01-23T09:30:20.296" v="504"/>
          <ac:spMkLst>
            <pc:docMk/>
            <pc:sldMk cId="2411013999" sldId="307"/>
            <ac:spMk id="9" creationId="{A52790F3-EC44-488A-929C-E84A7D5DC017}"/>
          </ac:spMkLst>
        </pc:spChg>
        <pc:spChg chg="add mod">
          <ac:chgData name="Bianchi, Sascha" userId="b6c31fb8-48fb-4302-b2cd-81a24de3ee13" providerId="ADAL" clId="{09EB3350-1D0F-4B15-9CFF-C6D73D104B3E}" dt="2023-01-23T09:46:02.603" v="777" actId="20577"/>
          <ac:spMkLst>
            <pc:docMk/>
            <pc:sldMk cId="2411013999" sldId="307"/>
            <ac:spMk id="10" creationId="{21AFC861-D4B0-4430-8BE2-302CE4CE1F9F}"/>
          </ac:spMkLst>
        </pc:spChg>
        <pc:spChg chg="add mod">
          <ac:chgData name="Bianchi, Sascha" userId="b6c31fb8-48fb-4302-b2cd-81a24de3ee13" providerId="ADAL" clId="{09EB3350-1D0F-4B15-9CFF-C6D73D104B3E}" dt="2023-01-23T09:30:20.296" v="504"/>
          <ac:spMkLst>
            <pc:docMk/>
            <pc:sldMk cId="2411013999" sldId="307"/>
            <ac:spMk id="11" creationId="{B33A5DA6-8891-4B51-ACB8-5DB95290F75C}"/>
          </ac:spMkLst>
        </pc:spChg>
        <pc:spChg chg="add mod">
          <ac:chgData name="Bianchi, Sascha" userId="b6c31fb8-48fb-4302-b2cd-81a24de3ee13" providerId="ADAL" clId="{09EB3350-1D0F-4B15-9CFF-C6D73D104B3E}" dt="2023-01-23T09:46:24.217" v="778" actId="6549"/>
          <ac:spMkLst>
            <pc:docMk/>
            <pc:sldMk cId="2411013999" sldId="307"/>
            <ac:spMk id="12" creationId="{C0522C3A-E20A-4327-B414-9BA550984468}"/>
          </ac:spMkLst>
        </pc:spChg>
        <pc:spChg chg="add mod">
          <ac:chgData name="Bianchi, Sascha" userId="b6c31fb8-48fb-4302-b2cd-81a24de3ee13" providerId="ADAL" clId="{09EB3350-1D0F-4B15-9CFF-C6D73D104B3E}" dt="2023-01-23T09:31:21.503" v="514" actId="14100"/>
          <ac:spMkLst>
            <pc:docMk/>
            <pc:sldMk cId="2411013999" sldId="307"/>
            <ac:spMk id="13" creationId="{44C8E6E9-B3C1-4034-8F95-1377F8AE88F2}"/>
          </ac:spMkLst>
        </pc:spChg>
        <pc:spChg chg="add mod">
          <ac:chgData name="Bianchi, Sascha" userId="b6c31fb8-48fb-4302-b2cd-81a24de3ee13" providerId="ADAL" clId="{09EB3350-1D0F-4B15-9CFF-C6D73D104B3E}" dt="2023-01-23T09:47:17.816" v="820" actId="20577"/>
          <ac:spMkLst>
            <pc:docMk/>
            <pc:sldMk cId="2411013999" sldId="307"/>
            <ac:spMk id="14" creationId="{4269C2E9-D5B4-4D02-A7B7-88C123FA0014}"/>
          </ac:spMkLst>
        </pc:spChg>
        <pc:spChg chg="del">
          <ac:chgData name="Bianchi, Sascha" userId="b6c31fb8-48fb-4302-b2cd-81a24de3ee13" providerId="ADAL" clId="{09EB3350-1D0F-4B15-9CFF-C6D73D104B3E}" dt="2023-01-23T09:30:00.467" v="501" actId="478"/>
          <ac:spMkLst>
            <pc:docMk/>
            <pc:sldMk cId="2411013999" sldId="307"/>
            <ac:spMk id="21" creationId="{DECB8507-1AEC-4FB0-8CEB-726313BEB7F8}"/>
          </ac:spMkLst>
        </pc:spChg>
        <pc:picChg chg="del">
          <ac:chgData name="Bianchi, Sascha" userId="b6c31fb8-48fb-4302-b2cd-81a24de3ee13" providerId="ADAL" clId="{09EB3350-1D0F-4B15-9CFF-C6D73D104B3E}" dt="2023-01-23T09:30:34.326" v="508" actId="478"/>
          <ac:picMkLst>
            <pc:docMk/>
            <pc:sldMk cId="2411013999" sldId="307"/>
            <ac:picMk id="26" creationId="{DC9A0225-0D49-47A9-B344-8CC510CF4956}"/>
          </ac:picMkLst>
        </pc:picChg>
      </pc:sldChg>
      <pc:sldChg chg="addSp delSp modSp new mod">
        <pc:chgData name="Bianchi, Sascha" userId="b6c31fb8-48fb-4302-b2cd-81a24de3ee13" providerId="ADAL" clId="{09EB3350-1D0F-4B15-9CFF-C6D73D104B3E}" dt="2023-01-23T11:38:20.154" v="1303" actId="6549"/>
        <pc:sldMkLst>
          <pc:docMk/>
          <pc:sldMk cId="4186795486" sldId="308"/>
        </pc:sldMkLst>
        <pc:spChg chg="add del">
          <ac:chgData name="Bianchi, Sascha" userId="b6c31fb8-48fb-4302-b2cd-81a24de3ee13" providerId="ADAL" clId="{09EB3350-1D0F-4B15-9CFF-C6D73D104B3E}" dt="2023-01-23T09:56:41.712" v="1033" actId="478"/>
          <ac:spMkLst>
            <pc:docMk/>
            <pc:sldMk cId="4186795486" sldId="308"/>
            <ac:spMk id="3" creationId="{DCBA4DFE-A278-4325-9D4E-C8CEBF6230C9}"/>
          </ac:spMkLst>
        </pc:spChg>
        <pc:spChg chg="add del mod">
          <ac:chgData name="Bianchi, Sascha" userId="b6c31fb8-48fb-4302-b2cd-81a24de3ee13" providerId="ADAL" clId="{09EB3350-1D0F-4B15-9CFF-C6D73D104B3E}" dt="2023-01-23T11:29:08.059" v="1080" actId="478"/>
          <ac:spMkLst>
            <pc:docMk/>
            <pc:sldMk cId="4186795486" sldId="308"/>
            <ac:spMk id="14" creationId="{E895AD99-3942-4F6F-956B-1763737E6205}"/>
          </ac:spMkLst>
        </pc:spChg>
        <pc:spChg chg="add mod ord">
          <ac:chgData name="Bianchi, Sascha" userId="b6c31fb8-48fb-4302-b2cd-81a24de3ee13" providerId="ADAL" clId="{09EB3350-1D0F-4B15-9CFF-C6D73D104B3E}" dt="2023-01-23T11:38:20.154" v="1303" actId="6549"/>
          <ac:spMkLst>
            <pc:docMk/>
            <pc:sldMk cId="4186795486" sldId="308"/>
            <ac:spMk id="15" creationId="{A1F7657F-4C9B-49F7-8A95-6FF85501FBCD}"/>
          </ac:spMkLst>
        </pc:spChg>
        <pc:picChg chg="add mod modCrop">
          <ac:chgData name="Bianchi, Sascha" userId="b6c31fb8-48fb-4302-b2cd-81a24de3ee13" providerId="ADAL" clId="{09EB3350-1D0F-4B15-9CFF-C6D73D104B3E}" dt="2023-01-23T11:33:36.340" v="1170" actId="14100"/>
          <ac:picMkLst>
            <pc:docMk/>
            <pc:sldMk cId="4186795486" sldId="308"/>
            <ac:picMk id="5" creationId="{F4969135-9D78-469E-9CE7-2970BCC21284}"/>
          </ac:picMkLst>
        </pc:picChg>
        <pc:picChg chg="add mod ord modCrop">
          <ac:chgData name="Bianchi, Sascha" userId="b6c31fb8-48fb-4302-b2cd-81a24de3ee13" providerId="ADAL" clId="{09EB3350-1D0F-4B15-9CFF-C6D73D104B3E}" dt="2023-01-23T11:33:52.332" v="1172" actId="18131"/>
          <ac:picMkLst>
            <pc:docMk/>
            <pc:sldMk cId="4186795486" sldId="308"/>
            <ac:picMk id="7" creationId="{F6358693-4998-4CB0-9890-E57B1EF66F31}"/>
          </ac:picMkLst>
        </pc:picChg>
        <pc:picChg chg="add mod modCrop">
          <ac:chgData name="Bianchi, Sascha" userId="b6c31fb8-48fb-4302-b2cd-81a24de3ee13" providerId="ADAL" clId="{09EB3350-1D0F-4B15-9CFF-C6D73D104B3E}" dt="2023-01-23T11:33:32.249" v="1169" actId="1038"/>
          <ac:picMkLst>
            <pc:docMk/>
            <pc:sldMk cId="4186795486" sldId="308"/>
            <ac:picMk id="9" creationId="{7096BD41-3E97-433B-9CF4-C2BBF0D86037}"/>
          </ac:picMkLst>
        </pc:picChg>
        <pc:picChg chg="add mod modCrop">
          <ac:chgData name="Bianchi, Sascha" userId="b6c31fb8-48fb-4302-b2cd-81a24de3ee13" providerId="ADAL" clId="{09EB3350-1D0F-4B15-9CFF-C6D73D104B3E}" dt="2023-01-23T11:29:06.484" v="1079" actId="732"/>
          <ac:picMkLst>
            <pc:docMk/>
            <pc:sldMk cId="4186795486" sldId="308"/>
            <ac:picMk id="11" creationId="{29F33D8C-0556-43BC-9FE0-7B6FAA33002B}"/>
          </ac:picMkLst>
        </pc:picChg>
        <pc:picChg chg="add del mod">
          <ac:chgData name="Bianchi, Sascha" userId="b6c31fb8-48fb-4302-b2cd-81a24de3ee13" providerId="ADAL" clId="{09EB3350-1D0F-4B15-9CFF-C6D73D104B3E}" dt="2023-01-23T11:27:42.866" v="1061" actId="478"/>
          <ac:picMkLst>
            <pc:docMk/>
            <pc:sldMk cId="4186795486" sldId="308"/>
            <ac:picMk id="13" creationId="{AD4A6F14-C3D0-4510-BC17-0175E8549C9D}"/>
          </ac:picMkLst>
        </pc:picChg>
      </pc:sldChg>
      <pc:sldChg chg="modSp mod">
        <pc:chgData name="Bianchi, Sascha" userId="b6c31fb8-48fb-4302-b2cd-81a24de3ee13" providerId="ADAL" clId="{09EB3350-1D0F-4B15-9CFF-C6D73D104B3E}" dt="2023-01-24T07:38:07.859" v="1553" actId="207"/>
        <pc:sldMkLst>
          <pc:docMk/>
          <pc:sldMk cId="4286632193" sldId="309"/>
        </pc:sldMkLst>
        <pc:spChg chg="mod">
          <ac:chgData name="Bianchi, Sascha" userId="b6c31fb8-48fb-4302-b2cd-81a24de3ee13" providerId="ADAL" clId="{09EB3350-1D0F-4B15-9CFF-C6D73D104B3E}" dt="2023-01-24T07:38:07.859" v="1553" actId="207"/>
          <ac:spMkLst>
            <pc:docMk/>
            <pc:sldMk cId="4286632193" sldId="309"/>
            <ac:spMk id="15" creationId="{A1F7657F-4C9B-49F7-8A95-6FF85501FBCD}"/>
          </ac:spMkLst>
        </pc:spChg>
      </pc:sldChg>
      <pc:sldChg chg="addSp delSp modSp new mod ord modClrScheme chgLayout">
        <pc:chgData name="Bianchi, Sascha" userId="b6c31fb8-48fb-4302-b2cd-81a24de3ee13" providerId="ADAL" clId="{09EB3350-1D0F-4B15-9CFF-C6D73D104B3E}" dt="2023-01-24T07:36:36.999" v="1552" actId="14100"/>
        <pc:sldMkLst>
          <pc:docMk/>
          <pc:sldMk cId="2022307411" sldId="311"/>
        </pc:sldMkLst>
        <pc:spChg chg="mod ord">
          <ac:chgData name="Bianchi, Sascha" userId="b6c31fb8-48fb-4302-b2cd-81a24de3ee13" providerId="ADAL" clId="{09EB3350-1D0F-4B15-9CFF-C6D73D104B3E}" dt="2023-01-24T07:33:01.179" v="1516" actId="20577"/>
          <ac:spMkLst>
            <pc:docMk/>
            <pc:sldMk cId="2022307411" sldId="311"/>
            <ac:spMk id="2" creationId="{A3CA7128-3F4A-4BE5-9706-C0B4C34FA8A6}"/>
          </ac:spMkLst>
        </pc:spChg>
        <pc:spChg chg="del mod ord">
          <ac:chgData name="Bianchi, Sascha" userId="b6c31fb8-48fb-4302-b2cd-81a24de3ee13" providerId="ADAL" clId="{09EB3350-1D0F-4B15-9CFF-C6D73D104B3E}" dt="2023-01-24T07:27:16.119" v="1500" actId="700"/>
          <ac:spMkLst>
            <pc:docMk/>
            <pc:sldMk cId="2022307411" sldId="311"/>
            <ac:spMk id="3" creationId="{A0A0E280-A01A-4AE3-B50A-98E4580889C1}"/>
          </ac:spMkLst>
        </pc:spChg>
        <pc:spChg chg="mod ord">
          <ac:chgData name="Bianchi, Sascha" userId="b6c31fb8-48fb-4302-b2cd-81a24de3ee13" providerId="ADAL" clId="{09EB3350-1D0F-4B15-9CFF-C6D73D104B3E}" dt="2023-01-24T07:27:16.119" v="1500" actId="700"/>
          <ac:spMkLst>
            <pc:docMk/>
            <pc:sldMk cId="2022307411" sldId="311"/>
            <ac:spMk id="4" creationId="{9F68CA4A-4598-490D-A420-995CCF716BB9}"/>
          </ac:spMkLst>
        </pc:spChg>
        <pc:spChg chg="add mod ord">
          <ac:chgData name="Bianchi, Sascha" userId="b6c31fb8-48fb-4302-b2cd-81a24de3ee13" providerId="ADAL" clId="{09EB3350-1D0F-4B15-9CFF-C6D73D104B3E}" dt="2023-01-24T07:32:34.801" v="1514" actId="242"/>
          <ac:spMkLst>
            <pc:docMk/>
            <pc:sldMk cId="2022307411" sldId="311"/>
            <ac:spMk id="5" creationId="{EB168DA6-6895-400A-8CEE-0AEC1DE1E3B0}"/>
          </ac:spMkLst>
        </pc:spChg>
        <pc:spChg chg="add del mod ord">
          <ac:chgData name="Bianchi, Sascha" userId="b6c31fb8-48fb-4302-b2cd-81a24de3ee13" providerId="ADAL" clId="{09EB3350-1D0F-4B15-9CFF-C6D73D104B3E}" dt="2023-01-24T07:27:30.531" v="1504"/>
          <ac:spMkLst>
            <pc:docMk/>
            <pc:sldMk cId="2022307411" sldId="311"/>
            <ac:spMk id="6" creationId="{C0029800-DDD5-4B05-B51A-94B34C39861A}"/>
          </ac:spMkLst>
        </pc:spChg>
        <pc:picChg chg="add mod">
          <ac:chgData name="Bianchi, Sascha" userId="b6c31fb8-48fb-4302-b2cd-81a24de3ee13" providerId="ADAL" clId="{09EB3350-1D0F-4B15-9CFF-C6D73D104B3E}" dt="2023-01-24T07:36:36.999" v="1552" actId="14100"/>
          <ac:picMkLst>
            <pc:docMk/>
            <pc:sldMk cId="2022307411" sldId="311"/>
            <ac:picMk id="7" creationId="{D842FA56-6D2C-468C-AE23-A609E7C660EB}"/>
          </ac:picMkLst>
        </pc:picChg>
        <pc:picChg chg="add del mod">
          <ac:chgData name="Bianchi, Sascha" userId="b6c31fb8-48fb-4302-b2cd-81a24de3ee13" providerId="ADAL" clId="{09EB3350-1D0F-4B15-9CFF-C6D73D104B3E}" dt="2023-01-24T07:32:20.049" v="1512" actId="478"/>
          <ac:picMkLst>
            <pc:docMk/>
            <pc:sldMk cId="2022307411" sldId="311"/>
            <ac:picMk id="9" creationId="{73A69C45-F42D-45C8-9A91-85485066AA6C}"/>
          </ac:picMkLst>
        </pc:picChg>
      </pc:sldChg>
      <pc:sldChg chg="addSp delSp modSp new mod">
        <pc:chgData name="Bianchi, Sascha" userId="b6c31fb8-48fb-4302-b2cd-81a24de3ee13" providerId="ADAL" clId="{09EB3350-1D0F-4B15-9CFF-C6D73D104B3E}" dt="2023-01-24T07:33:21.626" v="1530"/>
        <pc:sldMkLst>
          <pc:docMk/>
          <pc:sldMk cId="3995109941" sldId="312"/>
        </pc:sldMkLst>
        <pc:spChg chg="mod">
          <ac:chgData name="Bianchi, Sascha" userId="b6c31fb8-48fb-4302-b2cd-81a24de3ee13" providerId="ADAL" clId="{09EB3350-1D0F-4B15-9CFF-C6D73D104B3E}" dt="2023-01-24T07:33:09.092" v="1528" actId="6549"/>
          <ac:spMkLst>
            <pc:docMk/>
            <pc:sldMk cId="3995109941" sldId="312"/>
            <ac:spMk id="2" creationId="{31D053CD-E079-4E61-995E-924830CD7F9A}"/>
          </ac:spMkLst>
        </pc:spChg>
        <pc:spChg chg="del">
          <ac:chgData name="Bianchi, Sascha" userId="b6c31fb8-48fb-4302-b2cd-81a24de3ee13" providerId="ADAL" clId="{09EB3350-1D0F-4B15-9CFF-C6D73D104B3E}" dt="2023-01-24T07:33:21.291" v="1529" actId="478"/>
          <ac:spMkLst>
            <pc:docMk/>
            <pc:sldMk cId="3995109941" sldId="312"/>
            <ac:spMk id="3" creationId="{7B3BAC47-CC01-4A27-8D43-67BF8B7BF534}"/>
          </ac:spMkLst>
        </pc:spChg>
        <pc:spChg chg="add mod">
          <ac:chgData name="Bianchi, Sascha" userId="b6c31fb8-48fb-4302-b2cd-81a24de3ee13" providerId="ADAL" clId="{09EB3350-1D0F-4B15-9CFF-C6D73D104B3E}" dt="2023-01-24T07:33:21.626" v="1530"/>
          <ac:spMkLst>
            <pc:docMk/>
            <pc:sldMk cId="3995109941" sldId="312"/>
            <ac:spMk id="5" creationId="{F3BDCE3E-DCC1-477E-9BFA-5227CC849CD6}"/>
          </ac:spMkLst>
        </pc:spChg>
        <pc:spChg chg="add mod">
          <ac:chgData name="Bianchi, Sascha" userId="b6c31fb8-48fb-4302-b2cd-81a24de3ee13" providerId="ADAL" clId="{09EB3350-1D0F-4B15-9CFF-C6D73D104B3E}" dt="2023-01-24T07:33:21.626" v="1530"/>
          <ac:spMkLst>
            <pc:docMk/>
            <pc:sldMk cId="3995109941" sldId="312"/>
            <ac:spMk id="6" creationId="{45FC67A7-FF6B-44AE-A841-2D7C50AE51B7}"/>
          </ac:spMkLst>
        </pc:spChg>
        <pc:spChg chg="add mod">
          <ac:chgData name="Bianchi, Sascha" userId="b6c31fb8-48fb-4302-b2cd-81a24de3ee13" providerId="ADAL" clId="{09EB3350-1D0F-4B15-9CFF-C6D73D104B3E}" dt="2023-01-24T07:33:21.626" v="1530"/>
          <ac:spMkLst>
            <pc:docMk/>
            <pc:sldMk cId="3995109941" sldId="312"/>
            <ac:spMk id="7" creationId="{F0E44C98-4D50-4607-ABD3-BF372133A1A9}"/>
          </ac:spMkLst>
        </pc:spChg>
        <pc:spChg chg="add mod">
          <ac:chgData name="Bianchi, Sascha" userId="b6c31fb8-48fb-4302-b2cd-81a24de3ee13" providerId="ADAL" clId="{09EB3350-1D0F-4B15-9CFF-C6D73D104B3E}" dt="2023-01-24T07:33:21.626" v="1530"/>
          <ac:spMkLst>
            <pc:docMk/>
            <pc:sldMk cId="3995109941" sldId="312"/>
            <ac:spMk id="8" creationId="{098572A6-3715-4D7C-B3AF-4C8D341B41B1}"/>
          </ac:spMkLst>
        </pc:spChg>
        <pc:spChg chg="add mod">
          <ac:chgData name="Bianchi, Sascha" userId="b6c31fb8-48fb-4302-b2cd-81a24de3ee13" providerId="ADAL" clId="{09EB3350-1D0F-4B15-9CFF-C6D73D104B3E}" dt="2023-01-24T07:33:21.626" v="1530"/>
          <ac:spMkLst>
            <pc:docMk/>
            <pc:sldMk cId="3995109941" sldId="312"/>
            <ac:spMk id="9" creationId="{E38CBEDC-34A3-43A1-A784-6A62A1718249}"/>
          </ac:spMkLst>
        </pc:spChg>
        <pc:spChg chg="add mod">
          <ac:chgData name="Bianchi, Sascha" userId="b6c31fb8-48fb-4302-b2cd-81a24de3ee13" providerId="ADAL" clId="{09EB3350-1D0F-4B15-9CFF-C6D73D104B3E}" dt="2023-01-24T07:33:21.626" v="1530"/>
          <ac:spMkLst>
            <pc:docMk/>
            <pc:sldMk cId="3995109941" sldId="312"/>
            <ac:spMk id="10" creationId="{E3EF980F-1280-4716-8A12-7E9BE6C2CE9F}"/>
          </ac:spMkLst>
        </pc:spChg>
        <pc:spChg chg="add mod">
          <ac:chgData name="Bianchi, Sascha" userId="b6c31fb8-48fb-4302-b2cd-81a24de3ee13" providerId="ADAL" clId="{09EB3350-1D0F-4B15-9CFF-C6D73D104B3E}" dt="2023-01-24T07:33:21.626" v="1530"/>
          <ac:spMkLst>
            <pc:docMk/>
            <pc:sldMk cId="3995109941" sldId="312"/>
            <ac:spMk id="11" creationId="{F4AC8055-FFB5-4A30-ACCD-310D23D7DF39}"/>
          </ac:spMkLst>
        </pc:spChg>
        <pc:spChg chg="add mod">
          <ac:chgData name="Bianchi, Sascha" userId="b6c31fb8-48fb-4302-b2cd-81a24de3ee13" providerId="ADAL" clId="{09EB3350-1D0F-4B15-9CFF-C6D73D104B3E}" dt="2023-01-24T07:33:21.626" v="1530"/>
          <ac:spMkLst>
            <pc:docMk/>
            <pc:sldMk cId="3995109941" sldId="312"/>
            <ac:spMk id="12" creationId="{FF861CB1-75AA-40D1-8410-A47003694292}"/>
          </ac:spMkLst>
        </pc:spChg>
        <pc:spChg chg="add mod">
          <ac:chgData name="Bianchi, Sascha" userId="b6c31fb8-48fb-4302-b2cd-81a24de3ee13" providerId="ADAL" clId="{09EB3350-1D0F-4B15-9CFF-C6D73D104B3E}" dt="2023-01-24T07:33:21.626" v="1530"/>
          <ac:spMkLst>
            <pc:docMk/>
            <pc:sldMk cId="3995109941" sldId="312"/>
            <ac:spMk id="13" creationId="{E0B740CC-9FF0-4EEC-9739-F787F25F43C9}"/>
          </ac:spMkLst>
        </pc:spChg>
        <pc:spChg chg="add mod">
          <ac:chgData name="Bianchi, Sascha" userId="b6c31fb8-48fb-4302-b2cd-81a24de3ee13" providerId="ADAL" clId="{09EB3350-1D0F-4B15-9CFF-C6D73D104B3E}" dt="2023-01-24T07:33:21.626" v="1530"/>
          <ac:spMkLst>
            <pc:docMk/>
            <pc:sldMk cId="3995109941" sldId="312"/>
            <ac:spMk id="14" creationId="{23BB21B8-F219-4559-B469-F35C01BC961E}"/>
          </ac:spMkLst>
        </pc:spChg>
        <pc:spChg chg="add mod">
          <ac:chgData name="Bianchi, Sascha" userId="b6c31fb8-48fb-4302-b2cd-81a24de3ee13" providerId="ADAL" clId="{09EB3350-1D0F-4B15-9CFF-C6D73D104B3E}" dt="2023-01-24T07:33:21.626" v="1530"/>
          <ac:spMkLst>
            <pc:docMk/>
            <pc:sldMk cId="3995109941" sldId="312"/>
            <ac:spMk id="15" creationId="{E07F5485-06A1-4113-8CEE-A8FBC9E9B837}"/>
          </ac:spMkLst>
        </pc:spChg>
        <pc:spChg chg="add mod">
          <ac:chgData name="Bianchi, Sascha" userId="b6c31fb8-48fb-4302-b2cd-81a24de3ee13" providerId="ADAL" clId="{09EB3350-1D0F-4B15-9CFF-C6D73D104B3E}" dt="2023-01-24T07:33:21.626" v="1530"/>
          <ac:spMkLst>
            <pc:docMk/>
            <pc:sldMk cId="3995109941" sldId="312"/>
            <ac:spMk id="16" creationId="{3FCB430C-5A36-4F76-939F-9AA34A388DD5}"/>
          </ac:spMkLst>
        </pc:spChg>
        <pc:spChg chg="add mod">
          <ac:chgData name="Bianchi, Sascha" userId="b6c31fb8-48fb-4302-b2cd-81a24de3ee13" providerId="ADAL" clId="{09EB3350-1D0F-4B15-9CFF-C6D73D104B3E}" dt="2023-01-24T07:33:21.626" v="1530"/>
          <ac:spMkLst>
            <pc:docMk/>
            <pc:sldMk cId="3995109941" sldId="312"/>
            <ac:spMk id="17" creationId="{7A0E0B52-F160-452D-BDE1-6B0AAAE4CB27}"/>
          </ac:spMkLst>
        </pc:spChg>
        <pc:picChg chg="add mod">
          <ac:chgData name="Bianchi, Sascha" userId="b6c31fb8-48fb-4302-b2cd-81a24de3ee13" providerId="ADAL" clId="{09EB3350-1D0F-4B15-9CFF-C6D73D104B3E}" dt="2023-01-24T07:33:21.626" v="1530"/>
          <ac:picMkLst>
            <pc:docMk/>
            <pc:sldMk cId="3995109941" sldId="312"/>
            <ac:picMk id="18" creationId="{4EC01F9B-00FD-42C8-8851-4D3BCD521DFC}"/>
          </ac:picMkLst>
        </pc:picChg>
        <pc:picChg chg="add mod">
          <ac:chgData name="Bianchi, Sascha" userId="b6c31fb8-48fb-4302-b2cd-81a24de3ee13" providerId="ADAL" clId="{09EB3350-1D0F-4B15-9CFF-C6D73D104B3E}" dt="2023-01-24T07:33:21.626" v="1530"/>
          <ac:picMkLst>
            <pc:docMk/>
            <pc:sldMk cId="3995109941" sldId="312"/>
            <ac:picMk id="19" creationId="{F3D50762-2137-45B5-A3D5-122C7491E3DA}"/>
          </ac:picMkLst>
        </pc:picChg>
        <pc:picChg chg="add mod">
          <ac:chgData name="Bianchi, Sascha" userId="b6c31fb8-48fb-4302-b2cd-81a24de3ee13" providerId="ADAL" clId="{09EB3350-1D0F-4B15-9CFF-C6D73D104B3E}" dt="2023-01-24T07:33:21.626" v="1530"/>
          <ac:picMkLst>
            <pc:docMk/>
            <pc:sldMk cId="3995109941" sldId="312"/>
            <ac:picMk id="20" creationId="{D3D4417E-A3DF-4854-8035-9264110CFAE1}"/>
          </ac:picMkLst>
        </pc:picChg>
        <pc:picChg chg="add mod">
          <ac:chgData name="Bianchi, Sascha" userId="b6c31fb8-48fb-4302-b2cd-81a24de3ee13" providerId="ADAL" clId="{09EB3350-1D0F-4B15-9CFF-C6D73D104B3E}" dt="2023-01-24T07:33:21.626" v="1530"/>
          <ac:picMkLst>
            <pc:docMk/>
            <pc:sldMk cId="3995109941" sldId="312"/>
            <ac:picMk id="21" creationId="{3C2E6745-5FE2-4CEF-95D2-53B330830320}"/>
          </ac:picMkLst>
        </pc:picChg>
      </pc:sldChg>
      <pc:sldChg chg="addSp delSp modSp new mod">
        <pc:chgData name="Bianchi, Sascha" userId="b6c31fb8-48fb-4302-b2cd-81a24de3ee13" providerId="ADAL" clId="{09EB3350-1D0F-4B15-9CFF-C6D73D104B3E}" dt="2023-01-24T07:35:38.918" v="1545" actId="1076"/>
        <pc:sldMkLst>
          <pc:docMk/>
          <pc:sldMk cId="3168732749" sldId="313"/>
        </pc:sldMkLst>
        <pc:spChg chg="del">
          <ac:chgData name="Bianchi, Sascha" userId="b6c31fb8-48fb-4302-b2cd-81a24de3ee13" providerId="ADAL" clId="{09EB3350-1D0F-4B15-9CFF-C6D73D104B3E}" dt="2023-01-24T07:34:56.442" v="1534" actId="478"/>
          <ac:spMkLst>
            <pc:docMk/>
            <pc:sldMk cId="3168732749" sldId="313"/>
            <ac:spMk id="3" creationId="{729EAEE3-FD88-42A9-B832-8E7DE15FEB54}"/>
          </ac:spMkLst>
        </pc:spChg>
        <pc:spChg chg="add del mod">
          <ac:chgData name="Bianchi, Sascha" userId="b6c31fb8-48fb-4302-b2cd-81a24de3ee13" providerId="ADAL" clId="{09EB3350-1D0F-4B15-9CFF-C6D73D104B3E}" dt="2023-01-24T07:34:59.145" v="1535" actId="478"/>
          <ac:spMkLst>
            <pc:docMk/>
            <pc:sldMk cId="3168732749" sldId="313"/>
            <ac:spMk id="5" creationId="{791213B4-7313-4757-BA03-3B44046B51EC}"/>
          </ac:spMkLst>
        </pc:spChg>
        <pc:spChg chg="add del mod">
          <ac:chgData name="Bianchi, Sascha" userId="b6c31fb8-48fb-4302-b2cd-81a24de3ee13" providerId="ADAL" clId="{09EB3350-1D0F-4B15-9CFF-C6D73D104B3E}" dt="2023-01-24T07:35:38.918" v="1545" actId="1076"/>
          <ac:spMkLst>
            <pc:docMk/>
            <pc:sldMk cId="3168732749" sldId="313"/>
            <ac:spMk id="7" creationId="{0111B269-60BE-4FA4-9AC6-33DBD7EB7CE2}"/>
          </ac:spMkLst>
        </pc:spChg>
        <pc:picChg chg="add mod">
          <ac:chgData name="Bianchi, Sascha" userId="b6c31fb8-48fb-4302-b2cd-81a24de3ee13" providerId="ADAL" clId="{09EB3350-1D0F-4B15-9CFF-C6D73D104B3E}" dt="2023-01-24T07:34:38.860" v="1533"/>
          <ac:picMkLst>
            <pc:docMk/>
            <pc:sldMk cId="3168732749" sldId="313"/>
            <ac:picMk id="6" creationId="{909587E3-A6FE-4804-AF11-35F3BA6344D4}"/>
          </ac:picMkLst>
        </pc:picChg>
      </pc:sldChg>
      <pc:sldChg chg="addSp delSp modSp add mod">
        <pc:chgData name="Bianchi, Sascha" userId="b6c31fb8-48fb-4302-b2cd-81a24de3ee13" providerId="ADAL" clId="{09EB3350-1D0F-4B15-9CFF-C6D73D104B3E}" dt="2023-01-24T08:16:10.012" v="2637" actId="20577"/>
        <pc:sldMkLst>
          <pc:docMk/>
          <pc:sldMk cId="3045733609" sldId="314"/>
        </pc:sldMkLst>
        <pc:spChg chg="mod">
          <ac:chgData name="Bianchi, Sascha" userId="b6c31fb8-48fb-4302-b2cd-81a24de3ee13" providerId="ADAL" clId="{09EB3350-1D0F-4B15-9CFF-C6D73D104B3E}" dt="2023-01-24T08:14:48.831" v="2624" actId="20577"/>
          <ac:spMkLst>
            <pc:docMk/>
            <pc:sldMk cId="3045733609" sldId="314"/>
            <ac:spMk id="2" creationId="{9A78A7D5-403E-4A0B-9590-A55A34D0A849}"/>
          </ac:spMkLst>
        </pc:spChg>
        <pc:spChg chg="add mod">
          <ac:chgData name="Bianchi, Sascha" userId="b6c31fb8-48fb-4302-b2cd-81a24de3ee13" providerId="ADAL" clId="{09EB3350-1D0F-4B15-9CFF-C6D73D104B3E}" dt="2023-01-24T08:11:19.415" v="2469" actId="1076"/>
          <ac:spMkLst>
            <pc:docMk/>
            <pc:sldMk cId="3045733609" sldId="314"/>
            <ac:spMk id="20" creationId="{F91BF397-184A-44C0-BBE2-9BA41C895484}"/>
          </ac:spMkLst>
        </pc:spChg>
        <pc:spChg chg="del">
          <ac:chgData name="Bianchi, Sascha" userId="b6c31fb8-48fb-4302-b2cd-81a24de3ee13" providerId="ADAL" clId="{09EB3350-1D0F-4B15-9CFF-C6D73D104B3E}" dt="2023-01-24T07:51:01.197" v="1567" actId="478"/>
          <ac:spMkLst>
            <pc:docMk/>
            <pc:sldMk cId="3045733609" sldId="314"/>
            <ac:spMk id="21" creationId="{DAC1F582-920C-4FA1-BA78-735C654201A1}"/>
          </ac:spMkLst>
        </pc:spChg>
        <pc:spChg chg="add mod">
          <ac:chgData name="Bianchi, Sascha" userId="b6c31fb8-48fb-4302-b2cd-81a24de3ee13" providerId="ADAL" clId="{09EB3350-1D0F-4B15-9CFF-C6D73D104B3E}" dt="2023-01-24T08:11:19.415" v="2469" actId="1076"/>
          <ac:spMkLst>
            <pc:docMk/>
            <pc:sldMk cId="3045733609" sldId="314"/>
            <ac:spMk id="22" creationId="{429EFB6B-2973-4D15-B9FD-8FF6C6F48EAA}"/>
          </ac:spMkLst>
        </pc:spChg>
        <pc:spChg chg="add mod">
          <ac:chgData name="Bianchi, Sascha" userId="b6c31fb8-48fb-4302-b2cd-81a24de3ee13" providerId="ADAL" clId="{09EB3350-1D0F-4B15-9CFF-C6D73D104B3E}" dt="2023-01-24T08:11:19.415" v="2469" actId="1076"/>
          <ac:spMkLst>
            <pc:docMk/>
            <pc:sldMk cId="3045733609" sldId="314"/>
            <ac:spMk id="23" creationId="{F54DDCFC-C230-4575-97A0-2BD27736534E}"/>
          </ac:spMkLst>
        </pc:spChg>
        <pc:spChg chg="add mod">
          <ac:chgData name="Bianchi, Sascha" userId="b6c31fb8-48fb-4302-b2cd-81a24de3ee13" providerId="ADAL" clId="{09EB3350-1D0F-4B15-9CFF-C6D73D104B3E}" dt="2023-01-24T08:11:19.415" v="2469" actId="1076"/>
          <ac:spMkLst>
            <pc:docMk/>
            <pc:sldMk cId="3045733609" sldId="314"/>
            <ac:spMk id="24" creationId="{25CA1C90-F227-497A-B7B8-8F8433D3F151}"/>
          </ac:spMkLst>
        </pc:spChg>
        <pc:spChg chg="add mod">
          <ac:chgData name="Bianchi, Sascha" userId="b6c31fb8-48fb-4302-b2cd-81a24de3ee13" providerId="ADAL" clId="{09EB3350-1D0F-4B15-9CFF-C6D73D104B3E}" dt="2023-01-24T08:11:19.415" v="2469" actId="1076"/>
          <ac:spMkLst>
            <pc:docMk/>
            <pc:sldMk cId="3045733609" sldId="314"/>
            <ac:spMk id="25" creationId="{5E1B5D16-3770-4F3F-9F8F-6314F1A5F893}"/>
          </ac:spMkLst>
        </pc:spChg>
        <pc:spChg chg="del">
          <ac:chgData name="Bianchi, Sascha" userId="b6c31fb8-48fb-4302-b2cd-81a24de3ee13" providerId="ADAL" clId="{09EB3350-1D0F-4B15-9CFF-C6D73D104B3E}" dt="2023-01-24T07:51:01.197" v="1567" actId="478"/>
          <ac:spMkLst>
            <pc:docMk/>
            <pc:sldMk cId="3045733609" sldId="314"/>
            <ac:spMk id="26" creationId="{0532CD7E-F5DD-4DA1-B56E-710D37D22EBF}"/>
          </ac:spMkLst>
        </pc:spChg>
        <pc:spChg chg="del">
          <ac:chgData name="Bianchi, Sascha" userId="b6c31fb8-48fb-4302-b2cd-81a24de3ee13" providerId="ADAL" clId="{09EB3350-1D0F-4B15-9CFF-C6D73D104B3E}" dt="2023-01-24T07:51:01.197" v="1567" actId="478"/>
          <ac:spMkLst>
            <pc:docMk/>
            <pc:sldMk cId="3045733609" sldId="314"/>
            <ac:spMk id="27" creationId="{B95D391F-12B8-49DA-8DF0-832732BF99D3}"/>
          </ac:spMkLst>
        </pc:spChg>
        <pc:spChg chg="del">
          <ac:chgData name="Bianchi, Sascha" userId="b6c31fb8-48fb-4302-b2cd-81a24de3ee13" providerId="ADAL" clId="{09EB3350-1D0F-4B15-9CFF-C6D73D104B3E}" dt="2023-01-24T07:51:01.197" v="1567" actId="478"/>
          <ac:spMkLst>
            <pc:docMk/>
            <pc:sldMk cId="3045733609" sldId="314"/>
            <ac:spMk id="28" creationId="{37B36611-0088-49B9-9112-5C986D9E44DA}"/>
          </ac:spMkLst>
        </pc:spChg>
        <pc:spChg chg="del">
          <ac:chgData name="Bianchi, Sascha" userId="b6c31fb8-48fb-4302-b2cd-81a24de3ee13" providerId="ADAL" clId="{09EB3350-1D0F-4B15-9CFF-C6D73D104B3E}" dt="2023-01-24T07:51:01.197" v="1567" actId="478"/>
          <ac:spMkLst>
            <pc:docMk/>
            <pc:sldMk cId="3045733609" sldId="314"/>
            <ac:spMk id="29" creationId="{5494B3BD-CE55-45EA-A041-341535B3A637}"/>
          </ac:spMkLst>
        </pc:spChg>
        <pc:spChg chg="del">
          <ac:chgData name="Bianchi, Sascha" userId="b6c31fb8-48fb-4302-b2cd-81a24de3ee13" providerId="ADAL" clId="{09EB3350-1D0F-4B15-9CFF-C6D73D104B3E}" dt="2023-01-24T07:51:01.197" v="1567" actId="478"/>
          <ac:spMkLst>
            <pc:docMk/>
            <pc:sldMk cId="3045733609" sldId="314"/>
            <ac:spMk id="30" creationId="{DD0803BA-000C-4A05-8BF3-599845749D0C}"/>
          </ac:spMkLst>
        </pc:spChg>
        <pc:spChg chg="del">
          <ac:chgData name="Bianchi, Sascha" userId="b6c31fb8-48fb-4302-b2cd-81a24de3ee13" providerId="ADAL" clId="{09EB3350-1D0F-4B15-9CFF-C6D73D104B3E}" dt="2023-01-24T07:51:01.197" v="1567" actId="478"/>
          <ac:spMkLst>
            <pc:docMk/>
            <pc:sldMk cId="3045733609" sldId="314"/>
            <ac:spMk id="31" creationId="{2B52C3CD-95B7-43DF-B813-A16C93F7411B}"/>
          </ac:spMkLst>
        </pc:spChg>
        <pc:spChg chg="del">
          <ac:chgData name="Bianchi, Sascha" userId="b6c31fb8-48fb-4302-b2cd-81a24de3ee13" providerId="ADAL" clId="{09EB3350-1D0F-4B15-9CFF-C6D73D104B3E}" dt="2023-01-24T07:51:01.197" v="1567" actId="478"/>
          <ac:spMkLst>
            <pc:docMk/>
            <pc:sldMk cId="3045733609" sldId="314"/>
            <ac:spMk id="32" creationId="{4EA46130-DBE0-44F1-9695-5AB94269BF66}"/>
          </ac:spMkLst>
        </pc:spChg>
        <pc:spChg chg="del">
          <ac:chgData name="Bianchi, Sascha" userId="b6c31fb8-48fb-4302-b2cd-81a24de3ee13" providerId="ADAL" clId="{09EB3350-1D0F-4B15-9CFF-C6D73D104B3E}" dt="2023-01-24T07:51:01.197" v="1567" actId="478"/>
          <ac:spMkLst>
            <pc:docMk/>
            <pc:sldMk cId="3045733609" sldId="314"/>
            <ac:spMk id="33" creationId="{2B766676-C497-42CD-A196-4F78DA98E9E5}"/>
          </ac:spMkLst>
        </pc:spChg>
        <pc:spChg chg="del">
          <ac:chgData name="Bianchi, Sascha" userId="b6c31fb8-48fb-4302-b2cd-81a24de3ee13" providerId="ADAL" clId="{09EB3350-1D0F-4B15-9CFF-C6D73D104B3E}" dt="2023-01-24T07:51:01.197" v="1567" actId="478"/>
          <ac:spMkLst>
            <pc:docMk/>
            <pc:sldMk cId="3045733609" sldId="314"/>
            <ac:spMk id="34" creationId="{B57505C5-5402-4D73-B4F5-12D639DE38E1}"/>
          </ac:spMkLst>
        </pc:spChg>
        <pc:spChg chg="del">
          <ac:chgData name="Bianchi, Sascha" userId="b6c31fb8-48fb-4302-b2cd-81a24de3ee13" providerId="ADAL" clId="{09EB3350-1D0F-4B15-9CFF-C6D73D104B3E}" dt="2023-01-24T07:51:01.197" v="1567" actId="478"/>
          <ac:spMkLst>
            <pc:docMk/>
            <pc:sldMk cId="3045733609" sldId="314"/>
            <ac:spMk id="35" creationId="{EB1D746B-87F7-40FD-9AA8-83F36E56F74B}"/>
          </ac:spMkLst>
        </pc:spChg>
        <pc:spChg chg="del">
          <ac:chgData name="Bianchi, Sascha" userId="b6c31fb8-48fb-4302-b2cd-81a24de3ee13" providerId="ADAL" clId="{09EB3350-1D0F-4B15-9CFF-C6D73D104B3E}" dt="2023-01-24T07:51:01.197" v="1567" actId="478"/>
          <ac:spMkLst>
            <pc:docMk/>
            <pc:sldMk cId="3045733609" sldId="314"/>
            <ac:spMk id="36" creationId="{660B8F27-D17B-4392-8F30-2091E38EBD1A}"/>
          </ac:spMkLst>
        </pc:spChg>
        <pc:spChg chg="del">
          <ac:chgData name="Bianchi, Sascha" userId="b6c31fb8-48fb-4302-b2cd-81a24de3ee13" providerId="ADAL" clId="{09EB3350-1D0F-4B15-9CFF-C6D73D104B3E}" dt="2023-01-24T07:51:01.197" v="1567" actId="478"/>
          <ac:spMkLst>
            <pc:docMk/>
            <pc:sldMk cId="3045733609" sldId="314"/>
            <ac:spMk id="37" creationId="{E76EFACC-51EF-4A74-9A7E-9C333760521B}"/>
          </ac:spMkLst>
        </pc:spChg>
        <pc:spChg chg="del">
          <ac:chgData name="Bianchi, Sascha" userId="b6c31fb8-48fb-4302-b2cd-81a24de3ee13" providerId="ADAL" clId="{09EB3350-1D0F-4B15-9CFF-C6D73D104B3E}" dt="2023-01-24T07:51:01.197" v="1567" actId="478"/>
          <ac:spMkLst>
            <pc:docMk/>
            <pc:sldMk cId="3045733609" sldId="314"/>
            <ac:spMk id="38" creationId="{D8206FD3-695C-43C5-ADB7-2CE8B08833F7}"/>
          </ac:spMkLst>
        </pc:spChg>
        <pc:spChg chg="add mod">
          <ac:chgData name="Bianchi, Sascha" userId="b6c31fb8-48fb-4302-b2cd-81a24de3ee13" providerId="ADAL" clId="{09EB3350-1D0F-4B15-9CFF-C6D73D104B3E}" dt="2023-01-24T08:11:19.415" v="2469" actId="1076"/>
          <ac:spMkLst>
            <pc:docMk/>
            <pc:sldMk cId="3045733609" sldId="314"/>
            <ac:spMk id="39" creationId="{F7985785-81A9-4B6D-958A-0E47E65BA3B0}"/>
          </ac:spMkLst>
        </pc:spChg>
        <pc:spChg chg="add mod">
          <ac:chgData name="Bianchi, Sascha" userId="b6c31fb8-48fb-4302-b2cd-81a24de3ee13" providerId="ADAL" clId="{09EB3350-1D0F-4B15-9CFF-C6D73D104B3E}" dt="2023-01-24T08:11:19.415" v="2469" actId="1076"/>
          <ac:spMkLst>
            <pc:docMk/>
            <pc:sldMk cId="3045733609" sldId="314"/>
            <ac:spMk id="40" creationId="{A1F46839-A6C2-4866-9756-71E75FF1DAA2}"/>
          </ac:spMkLst>
        </pc:spChg>
        <pc:graphicFrameChg chg="add mod modGraphic">
          <ac:chgData name="Bianchi, Sascha" userId="b6c31fb8-48fb-4302-b2cd-81a24de3ee13" providerId="ADAL" clId="{09EB3350-1D0F-4B15-9CFF-C6D73D104B3E}" dt="2023-01-24T08:16:10.012" v="2637" actId="20577"/>
          <ac:graphicFrameMkLst>
            <pc:docMk/>
            <pc:sldMk cId="3045733609" sldId="314"/>
            <ac:graphicFrameMk id="5" creationId="{0F4BB4F4-71D4-4D98-BDDE-5B0924E5A743}"/>
          </ac:graphicFrameMkLst>
        </pc:graphicFrameChg>
      </pc:sldChg>
    </pc:docChg>
  </pc:docChgLst>
  <pc:docChgLst>
    <pc:chgData name="Weise, JanaLea" userId="12609bf0-98b9-4b6b-bb54-7237c71eeea2" providerId="ADAL" clId="{684CF541-0FE6-4DF4-9A26-B3BA80747E15}"/>
    <pc:docChg chg="undo custSel addSld delSld modSld sldOrd modMainMaster modSection replTag delTag">
      <pc:chgData name="Weise, JanaLea" userId="12609bf0-98b9-4b6b-bb54-7237c71eeea2" providerId="ADAL" clId="{684CF541-0FE6-4DF4-9A26-B3BA80747E15}" dt="2023-02-01T10:22:10.019" v="2256" actId="20577"/>
      <pc:docMkLst>
        <pc:docMk/>
      </pc:docMkLst>
      <pc:sldChg chg="addSp delSp modSp del mod">
        <pc:chgData name="Weise, JanaLea" userId="12609bf0-98b9-4b6b-bb54-7237c71eeea2" providerId="ADAL" clId="{684CF541-0FE6-4DF4-9A26-B3BA80747E15}" dt="2023-01-23T14:32:34.312" v="1440" actId="47"/>
        <pc:sldMkLst>
          <pc:docMk/>
          <pc:sldMk cId="3731426942" sldId="278"/>
        </pc:sldMkLst>
        <pc:picChg chg="add del mod">
          <ac:chgData name="Weise, JanaLea" userId="12609bf0-98b9-4b6b-bb54-7237c71eeea2" providerId="ADAL" clId="{684CF541-0FE6-4DF4-9A26-B3BA80747E15}" dt="2023-01-23T13:52:52.560" v="1207"/>
          <ac:picMkLst>
            <pc:docMk/>
            <pc:sldMk cId="3731426942" sldId="278"/>
            <ac:picMk id="2" creationId="{384B49B2-DF1D-FE2A-362E-0D96E243EDE1}"/>
          </ac:picMkLst>
        </pc:picChg>
        <pc:picChg chg="add del">
          <ac:chgData name="Weise, JanaLea" userId="12609bf0-98b9-4b6b-bb54-7237c71eeea2" providerId="ADAL" clId="{684CF541-0FE6-4DF4-9A26-B3BA80747E15}" dt="2023-01-23T13:52:54.143" v="1208" actId="478"/>
          <ac:picMkLst>
            <pc:docMk/>
            <pc:sldMk cId="3731426942" sldId="278"/>
            <ac:picMk id="5" creationId="{E1A3C809-42C2-4A81-9A8F-8713AAE2D7F5}"/>
          </ac:picMkLst>
        </pc:picChg>
      </pc:sldChg>
      <pc:sldChg chg="modSp">
        <pc:chgData name="Weise, JanaLea" userId="12609bf0-98b9-4b6b-bb54-7237c71eeea2" providerId="ADAL" clId="{684CF541-0FE6-4DF4-9A26-B3BA80747E15}" dt="2023-01-19T12:56:52.926" v="2" actId="1076"/>
        <pc:sldMkLst>
          <pc:docMk/>
          <pc:sldMk cId="206559272" sldId="287"/>
        </pc:sldMkLst>
        <pc:picChg chg="mod">
          <ac:chgData name="Weise, JanaLea" userId="12609bf0-98b9-4b6b-bb54-7237c71eeea2" providerId="ADAL" clId="{684CF541-0FE6-4DF4-9A26-B3BA80747E15}" dt="2023-01-19T12:56:52.926" v="2" actId="1076"/>
          <ac:picMkLst>
            <pc:docMk/>
            <pc:sldMk cId="206559272" sldId="287"/>
            <ac:picMk id="1026" creationId="{D7B9A5CD-E029-49CC-AB8B-7A88AAA9121B}"/>
          </ac:picMkLst>
        </pc:picChg>
      </pc:sldChg>
      <pc:sldChg chg="addSp modSp mod">
        <pc:chgData name="Weise, JanaLea" userId="12609bf0-98b9-4b6b-bb54-7237c71eeea2" providerId="ADAL" clId="{684CF541-0FE6-4DF4-9A26-B3BA80747E15}" dt="2023-01-24T08:01:27.199" v="1451" actId="14100"/>
        <pc:sldMkLst>
          <pc:docMk/>
          <pc:sldMk cId="1989932014" sldId="288"/>
        </pc:sldMkLst>
        <pc:picChg chg="add mod">
          <ac:chgData name="Weise, JanaLea" userId="12609bf0-98b9-4b6b-bb54-7237c71eeea2" providerId="ADAL" clId="{684CF541-0FE6-4DF4-9A26-B3BA80747E15}" dt="2023-01-19T13:01:34.091" v="62"/>
          <ac:picMkLst>
            <pc:docMk/>
            <pc:sldMk cId="1989932014" sldId="288"/>
            <ac:picMk id="2" creationId="{37D742B7-8B5D-4B7F-BD84-47BB25DF31D1}"/>
          </ac:picMkLst>
        </pc:picChg>
        <pc:picChg chg="mod">
          <ac:chgData name="Weise, JanaLea" userId="12609bf0-98b9-4b6b-bb54-7237c71eeea2" providerId="ADAL" clId="{684CF541-0FE6-4DF4-9A26-B3BA80747E15}" dt="2023-01-24T08:01:27.199" v="1451" actId="14100"/>
          <ac:picMkLst>
            <pc:docMk/>
            <pc:sldMk cId="1989932014" sldId="288"/>
            <ac:picMk id="4" creationId="{0C33D683-ED29-42D1-8564-B17EEF59F981}"/>
          </ac:picMkLst>
        </pc:picChg>
      </pc:sldChg>
      <pc:sldChg chg="modSp mod">
        <pc:chgData name="Weise, JanaLea" userId="12609bf0-98b9-4b6b-bb54-7237c71eeea2" providerId="ADAL" clId="{684CF541-0FE6-4DF4-9A26-B3BA80747E15}" dt="2023-01-19T12:55:45.358" v="0" actId="313"/>
        <pc:sldMkLst>
          <pc:docMk/>
          <pc:sldMk cId="2470109956" sldId="291"/>
        </pc:sldMkLst>
        <pc:spChg chg="mod">
          <ac:chgData name="Weise, JanaLea" userId="12609bf0-98b9-4b6b-bb54-7237c71eeea2" providerId="ADAL" clId="{684CF541-0FE6-4DF4-9A26-B3BA80747E15}" dt="2023-01-19T12:55:45.358" v="0" actId="313"/>
          <ac:spMkLst>
            <pc:docMk/>
            <pc:sldMk cId="2470109956" sldId="291"/>
            <ac:spMk id="4" creationId="{C76094F0-C81F-4C85-9BEB-D0282FA2639B}"/>
          </ac:spMkLst>
        </pc:spChg>
      </pc:sldChg>
      <pc:sldChg chg="modSp mod">
        <pc:chgData name="Weise, JanaLea" userId="12609bf0-98b9-4b6b-bb54-7237c71eeea2" providerId="ADAL" clId="{684CF541-0FE6-4DF4-9A26-B3BA80747E15}" dt="2023-01-24T07:51:49.958" v="1444" actId="20577"/>
        <pc:sldMkLst>
          <pc:docMk/>
          <pc:sldMk cId="1839928949" sldId="292"/>
        </pc:sldMkLst>
        <pc:spChg chg="mod">
          <ac:chgData name="Weise, JanaLea" userId="12609bf0-98b9-4b6b-bb54-7237c71eeea2" providerId="ADAL" clId="{684CF541-0FE6-4DF4-9A26-B3BA80747E15}" dt="2023-01-24T07:51:49.958" v="1444" actId="20577"/>
          <ac:spMkLst>
            <pc:docMk/>
            <pc:sldMk cId="1839928949" sldId="292"/>
            <ac:spMk id="11" creationId="{44E0C8E5-96F3-66EE-FF80-711DAC9BB41B}"/>
          </ac:spMkLst>
        </pc:spChg>
      </pc:sldChg>
      <pc:sldChg chg="addSp modSp mod">
        <pc:chgData name="Weise, JanaLea" userId="12609bf0-98b9-4b6b-bb54-7237c71eeea2" providerId="ADAL" clId="{684CF541-0FE6-4DF4-9A26-B3BA80747E15}" dt="2023-01-19T12:57:58.693" v="25" actId="20577"/>
        <pc:sldMkLst>
          <pc:docMk/>
          <pc:sldMk cId="1290569006" sldId="293"/>
        </pc:sldMkLst>
        <pc:spChg chg="mod">
          <ac:chgData name="Weise, JanaLea" userId="12609bf0-98b9-4b6b-bb54-7237c71eeea2" providerId="ADAL" clId="{684CF541-0FE6-4DF4-9A26-B3BA80747E15}" dt="2023-01-19T12:57:58.693" v="25" actId="20577"/>
          <ac:spMkLst>
            <pc:docMk/>
            <pc:sldMk cId="1290569006" sldId="293"/>
            <ac:spMk id="9" creationId="{B29C250D-2391-8B18-FCA4-B8BBBB271BEF}"/>
          </ac:spMkLst>
        </pc:spChg>
        <pc:picChg chg="add mod">
          <ac:chgData name="Weise, JanaLea" userId="12609bf0-98b9-4b6b-bb54-7237c71eeea2" providerId="ADAL" clId="{684CF541-0FE6-4DF4-9A26-B3BA80747E15}" dt="2023-01-19T12:57:26.156" v="9" actId="1076"/>
          <ac:picMkLst>
            <pc:docMk/>
            <pc:sldMk cId="1290569006" sldId="293"/>
            <ac:picMk id="2" creationId="{1AC9E782-474D-68BA-DD6B-BFF4231B34C6}"/>
          </ac:picMkLst>
        </pc:picChg>
      </pc:sldChg>
      <pc:sldChg chg="addSp delSp modSp mod">
        <pc:chgData name="Weise, JanaLea" userId="12609bf0-98b9-4b6b-bb54-7237c71eeea2" providerId="ADAL" clId="{684CF541-0FE6-4DF4-9A26-B3BA80747E15}" dt="2023-01-19T13:01:47.372" v="64" actId="14100"/>
        <pc:sldMkLst>
          <pc:docMk/>
          <pc:sldMk cId="2172682795" sldId="294"/>
        </pc:sldMkLst>
        <pc:spChg chg="del mod">
          <ac:chgData name="Weise, JanaLea" userId="12609bf0-98b9-4b6b-bb54-7237c71eeea2" providerId="ADAL" clId="{684CF541-0FE6-4DF4-9A26-B3BA80747E15}" dt="2023-01-19T12:57:44.162" v="15" actId="478"/>
          <ac:spMkLst>
            <pc:docMk/>
            <pc:sldMk cId="2172682795" sldId="294"/>
            <ac:spMk id="2" creationId="{EBEB5CB5-6A86-4798-8E53-7CDE2B716CD0}"/>
          </ac:spMkLst>
        </pc:spChg>
        <pc:spChg chg="mod">
          <ac:chgData name="Weise, JanaLea" userId="12609bf0-98b9-4b6b-bb54-7237c71eeea2" providerId="ADAL" clId="{684CF541-0FE6-4DF4-9A26-B3BA80747E15}" dt="2023-01-19T13:01:47.372" v="64" actId="14100"/>
          <ac:spMkLst>
            <pc:docMk/>
            <pc:sldMk cId="2172682795" sldId="294"/>
            <ac:spMk id="3" creationId="{19C0A56D-731F-4F92-BBE9-FF696891FF4D}"/>
          </ac:spMkLst>
        </pc:spChg>
        <pc:spChg chg="add del mod">
          <ac:chgData name="Weise, JanaLea" userId="12609bf0-98b9-4b6b-bb54-7237c71eeea2" providerId="ADAL" clId="{684CF541-0FE6-4DF4-9A26-B3BA80747E15}" dt="2023-01-19T12:57:46.779" v="16" actId="478"/>
          <ac:spMkLst>
            <pc:docMk/>
            <pc:sldMk cId="2172682795" sldId="294"/>
            <ac:spMk id="6" creationId="{4C401C2E-840D-D274-7E26-BB9F52A2EADA}"/>
          </ac:spMkLst>
        </pc:spChg>
        <pc:spChg chg="add mod">
          <ac:chgData name="Weise, JanaLea" userId="12609bf0-98b9-4b6b-bb54-7237c71eeea2" providerId="ADAL" clId="{684CF541-0FE6-4DF4-9A26-B3BA80747E15}" dt="2023-01-19T12:57:54.778" v="21" actId="20577"/>
          <ac:spMkLst>
            <pc:docMk/>
            <pc:sldMk cId="2172682795" sldId="294"/>
            <ac:spMk id="8" creationId="{5289D3E9-97B0-99F6-D985-FE08D152148E}"/>
          </ac:spMkLst>
        </pc:spChg>
        <pc:picChg chg="add mod">
          <ac:chgData name="Weise, JanaLea" userId="12609bf0-98b9-4b6b-bb54-7237c71eeea2" providerId="ADAL" clId="{684CF541-0FE6-4DF4-9A26-B3BA80747E15}" dt="2023-01-19T12:57:52.858" v="17"/>
          <ac:picMkLst>
            <pc:docMk/>
            <pc:sldMk cId="2172682795" sldId="294"/>
            <ac:picMk id="9" creationId="{DE4A0168-899D-61CC-80C8-66AFCD00F848}"/>
          </ac:picMkLst>
        </pc:picChg>
      </pc:sldChg>
      <pc:sldChg chg="addSp modSp mod">
        <pc:chgData name="Weise, JanaLea" userId="12609bf0-98b9-4b6b-bb54-7237c71eeea2" providerId="ADAL" clId="{684CF541-0FE6-4DF4-9A26-B3BA80747E15}" dt="2023-01-23T13:46:08.952" v="1152" actId="20577"/>
        <pc:sldMkLst>
          <pc:docMk/>
          <pc:sldMk cId="297805611" sldId="298"/>
        </pc:sldMkLst>
        <pc:spChg chg="mod">
          <ac:chgData name="Weise, JanaLea" userId="12609bf0-98b9-4b6b-bb54-7237c71eeea2" providerId="ADAL" clId="{684CF541-0FE6-4DF4-9A26-B3BA80747E15}" dt="2023-01-19T12:59:24.638" v="61" actId="1076"/>
          <ac:spMkLst>
            <pc:docMk/>
            <pc:sldMk cId="297805611" sldId="298"/>
            <ac:spMk id="2" creationId="{9A78A7D5-403E-4A0B-9590-A55A34D0A849}"/>
          </ac:spMkLst>
        </pc:spChg>
        <pc:spChg chg="mod">
          <ac:chgData name="Weise, JanaLea" userId="12609bf0-98b9-4b6b-bb54-7237c71eeea2" providerId="ADAL" clId="{684CF541-0FE6-4DF4-9A26-B3BA80747E15}" dt="2023-01-23T13:45:37.604" v="1125" actId="1037"/>
          <ac:spMkLst>
            <pc:docMk/>
            <pc:sldMk cId="297805611" sldId="298"/>
            <ac:spMk id="5" creationId="{CEFA2E72-8281-4D37-AE13-C0DE17C03367}"/>
          </ac:spMkLst>
        </pc:spChg>
        <pc:spChg chg="mod">
          <ac:chgData name="Weise, JanaLea" userId="12609bf0-98b9-4b6b-bb54-7237c71eeea2" providerId="ADAL" clId="{684CF541-0FE6-4DF4-9A26-B3BA80747E15}" dt="2023-01-23T13:45:37.604" v="1125" actId="1037"/>
          <ac:spMkLst>
            <pc:docMk/>
            <pc:sldMk cId="297805611" sldId="298"/>
            <ac:spMk id="6" creationId="{C8D74833-9E31-490C-89E6-74DE4742F118}"/>
          </ac:spMkLst>
        </pc:spChg>
        <pc:spChg chg="mod">
          <ac:chgData name="Weise, JanaLea" userId="12609bf0-98b9-4b6b-bb54-7237c71eeea2" providerId="ADAL" clId="{684CF541-0FE6-4DF4-9A26-B3BA80747E15}" dt="2023-01-23T13:45:51.131" v="1137" actId="20577"/>
          <ac:spMkLst>
            <pc:docMk/>
            <pc:sldMk cId="297805611" sldId="298"/>
            <ac:spMk id="7" creationId="{048B75ED-331F-4CC3-9E81-7D4BB7E9F545}"/>
          </ac:spMkLst>
        </pc:spChg>
        <pc:spChg chg="mod">
          <ac:chgData name="Weise, JanaLea" userId="12609bf0-98b9-4b6b-bb54-7237c71eeea2" providerId="ADAL" clId="{684CF541-0FE6-4DF4-9A26-B3BA80747E15}" dt="2023-01-23T13:45:37.604" v="1125" actId="1037"/>
          <ac:spMkLst>
            <pc:docMk/>
            <pc:sldMk cId="297805611" sldId="298"/>
            <ac:spMk id="8" creationId="{033EB327-A5E8-4B75-B0BC-CCD2A8A03FC1}"/>
          </ac:spMkLst>
        </pc:spChg>
        <pc:spChg chg="mod">
          <ac:chgData name="Weise, JanaLea" userId="12609bf0-98b9-4b6b-bb54-7237c71eeea2" providerId="ADAL" clId="{684CF541-0FE6-4DF4-9A26-B3BA80747E15}" dt="2023-01-23T13:45:37.604" v="1125" actId="1037"/>
          <ac:spMkLst>
            <pc:docMk/>
            <pc:sldMk cId="297805611" sldId="298"/>
            <ac:spMk id="9" creationId="{8A64D6BF-1783-4760-9258-D00A7E6477BC}"/>
          </ac:spMkLst>
        </pc:spChg>
        <pc:spChg chg="mod">
          <ac:chgData name="Weise, JanaLea" userId="12609bf0-98b9-4b6b-bb54-7237c71eeea2" providerId="ADAL" clId="{684CF541-0FE6-4DF4-9A26-B3BA80747E15}" dt="2023-01-23T13:45:59.940" v="1139" actId="20577"/>
          <ac:spMkLst>
            <pc:docMk/>
            <pc:sldMk cId="297805611" sldId="298"/>
            <ac:spMk id="10" creationId="{C7CF0C3C-D620-4C37-B8DF-A35AA1E2369E}"/>
          </ac:spMkLst>
        </pc:spChg>
        <pc:spChg chg="mod">
          <ac:chgData name="Weise, JanaLea" userId="12609bf0-98b9-4b6b-bb54-7237c71eeea2" providerId="ADAL" clId="{684CF541-0FE6-4DF4-9A26-B3BA80747E15}" dt="2023-01-23T13:45:37.604" v="1125" actId="1037"/>
          <ac:spMkLst>
            <pc:docMk/>
            <pc:sldMk cId="297805611" sldId="298"/>
            <ac:spMk id="11" creationId="{54CD6521-ED9F-4D28-B21E-8A411E59A3D6}"/>
          </ac:spMkLst>
        </pc:spChg>
        <pc:spChg chg="mod">
          <ac:chgData name="Weise, JanaLea" userId="12609bf0-98b9-4b6b-bb54-7237c71eeea2" providerId="ADAL" clId="{684CF541-0FE6-4DF4-9A26-B3BA80747E15}" dt="2023-01-23T13:45:37.604" v="1125" actId="1037"/>
          <ac:spMkLst>
            <pc:docMk/>
            <pc:sldMk cId="297805611" sldId="298"/>
            <ac:spMk id="12" creationId="{0D3A6320-7C1B-4AF5-A4CA-1E3A86448323}"/>
          </ac:spMkLst>
        </pc:spChg>
        <pc:spChg chg="mod">
          <ac:chgData name="Weise, JanaLea" userId="12609bf0-98b9-4b6b-bb54-7237c71eeea2" providerId="ADAL" clId="{684CF541-0FE6-4DF4-9A26-B3BA80747E15}" dt="2023-01-23T13:46:08.952" v="1152" actId="20577"/>
          <ac:spMkLst>
            <pc:docMk/>
            <pc:sldMk cId="297805611" sldId="298"/>
            <ac:spMk id="13" creationId="{62012F45-7EEF-4A4B-985F-45729AB8AC1B}"/>
          </ac:spMkLst>
        </pc:spChg>
        <pc:spChg chg="mod">
          <ac:chgData name="Weise, JanaLea" userId="12609bf0-98b9-4b6b-bb54-7237c71eeea2" providerId="ADAL" clId="{684CF541-0FE6-4DF4-9A26-B3BA80747E15}" dt="2023-01-23T13:45:37.604" v="1125" actId="1037"/>
          <ac:spMkLst>
            <pc:docMk/>
            <pc:sldMk cId="297805611" sldId="298"/>
            <ac:spMk id="14" creationId="{C644A81C-EDBD-4667-B028-E87CDB319588}"/>
          </ac:spMkLst>
        </pc:spChg>
        <pc:spChg chg="mod">
          <ac:chgData name="Weise, JanaLea" userId="12609bf0-98b9-4b6b-bb54-7237c71eeea2" providerId="ADAL" clId="{684CF541-0FE6-4DF4-9A26-B3BA80747E15}" dt="2023-01-23T13:45:37.604" v="1125" actId="1037"/>
          <ac:spMkLst>
            <pc:docMk/>
            <pc:sldMk cId="297805611" sldId="298"/>
            <ac:spMk id="15" creationId="{D32FC2C1-00AF-4D01-9890-ADEDF64A064A}"/>
          </ac:spMkLst>
        </pc:spChg>
        <pc:spChg chg="mod">
          <ac:chgData name="Weise, JanaLea" userId="12609bf0-98b9-4b6b-bb54-7237c71eeea2" providerId="ADAL" clId="{684CF541-0FE6-4DF4-9A26-B3BA80747E15}" dt="2023-01-23T13:45:37.604" v="1125" actId="1037"/>
          <ac:spMkLst>
            <pc:docMk/>
            <pc:sldMk cId="297805611" sldId="298"/>
            <ac:spMk id="16" creationId="{C44324E0-A797-4C24-93B1-3298530A0F4A}"/>
          </ac:spMkLst>
        </pc:spChg>
        <pc:spChg chg="mod">
          <ac:chgData name="Weise, JanaLea" userId="12609bf0-98b9-4b6b-bb54-7237c71eeea2" providerId="ADAL" clId="{684CF541-0FE6-4DF4-9A26-B3BA80747E15}" dt="2023-01-23T13:45:37.604" v="1125" actId="1037"/>
          <ac:spMkLst>
            <pc:docMk/>
            <pc:sldMk cId="297805611" sldId="298"/>
            <ac:spMk id="22" creationId="{1517AE1A-56F7-4665-91C9-DB33473E690B}"/>
          </ac:spMkLst>
        </pc:spChg>
        <pc:spChg chg="mod">
          <ac:chgData name="Weise, JanaLea" userId="12609bf0-98b9-4b6b-bb54-7237c71eeea2" providerId="ADAL" clId="{684CF541-0FE6-4DF4-9A26-B3BA80747E15}" dt="2023-01-23T13:45:37.604" v="1125" actId="1037"/>
          <ac:spMkLst>
            <pc:docMk/>
            <pc:sldMk cId="297805611" sldId="298"/>
            <ac:spMk id="23" creationId="{15434B33-3C34-4882-BE85-40F2B8624F4B}"/>
          </ac:spMkLst>
        </pc:spChg>
        <pc:spChg chg="mod">
          <ac:chgData name="Weise, JanaLea" userId="12609bf0-98b9-4b6b-bb54-7237c71eeea2" providerId="ADAL" clId="{684CF541-0FE6-4DF4-9A26-B3BA80747E15}" dt="2023-01-23T13:45:37.604" v="1125" actId="1037"/>
          <ac:spMkLst>
            <pc:docMk/>
            <pc:sldMk cId="297805611" sldId="298"/>
            <ac:spMk id="24" creationId="{88706657-D985-4E0D-9417-631BEC0F1F4C}"/>
          </ac:spMkLst>
        </pc:spChg>
        <pc:spChg chg="mod">
          <ac:chgData name="Weise, JanaLea" userId="12609bf0-98b9-4b6b-bb54-7237c71eeea2" providerId="ADAL" clId="{684CF541-0FE6-4DF4-9A26-B3BA80747E15}" dt="2023-01-23T13:45:37.604" v="1125" actId="1037"/>
          <ac:spMkLst>
            <pc:docMk/>
            <pc:sldMk cId="297805611" sldId="298"/>
            <ac:spMk id="25" creationId="{E628C9D7-23BC-484D-8394-F87ADC3D43D8}"/>
          </ac:spMkLst>
        </pc:spChg>
        <pc:picChg chg="add mod">
          <ac:chgData name="Weise, JanaLea" userId="12609bf0-98b9-4b6b-bb54-7237c71eeea2" providerId="ADAL" clId="{684CF541-0FE6-4DF4-9A26-B3BA80747E15}" dt="2023-01-19T12:58:17.951" v="26"/>
          <ac:picMkLst>
            <pc:docMk/>
            <pc:sldMk cId="297805611" sldId="298"/>
            <ac:picMk id="3" creationId="{5154C6B6-FF52-C895-3BDD-BA4A117E1B12}"/>
          </ac:picMkLst>
        </pc:picChg>
      </pc:sldChg>
      <pc:sldChg chg="addSp modSp mod">
        <pc:chgData name="Weise, JanaLea" userId="12609bf0-98b9-4b6b-bb54-7237c71eeea2" providerId="ADAL" clId="{684CF541-0FE6-4DF4-9A26-B3BA80747E15}" dt="2023-01-19T17:48:28.384" v="1088" actId="20577"/>
        <pc:sldMkLst>
          <pc:docMk/>
          <pc:sldMk cId="106470736" sldId="299"/>
        </pc:sldMkLst>
        <pc:spChg chg="mod">
          <ac:chgData name="Weise, JanaLea" userId="12609bf0-98b9-4b6b-bb54-7237c71eeea2" providerId="ADAL" clId="{684CF541-0FE6-4DF4-9A26-B3BA80747E15}" dt="2023-01-19T12:58:57.108" v="38" actId="1076"/>
          <ac:spMkLst>
            <pc:docMk/>
            <pc:sldMk cId="106470736" sldId="299"/>
            <ac:spMk id="2" creationId="{75450B3B-2D96-4057-B92C-7282E0D825A3}"/>
          </ac:spMkLst>
        </pc:spChg>
        <pc:graphicFrameChg chg="modGraphic">
          <ac:chgData name="Weise, JanaLea" userId="12609bf0-98b9-4b6b-bb54-7237c71eeea2" providerId="ADAL" clId="{684CF541-0FE6-4DF4-9A26-B3BA80747E15}" dt="2023-01-19T17:48:28.384" v="1088" actId="20577"/>
          <ac:graphicFrameMkLst>
            <pc:docMk/>
            <pc:sldMk cId="106470736" sldId="299"/>
            <ac:graphicFrameMk id="5" creationId="{0CEDA043-7692-4792-A8A2-BEB47B810A0F}"/>
          </ac:graphicFrameMkLst>
        </pc:graphicFrameChg>
        <pc:picChg chg="add mod">
          <ac:chgData name="Weise, JanaLea" userId="12609bf0-98b9-4b6b-bb54-7237c71eeea2" providerId="ADAL" clId="{684CF541-0FE6-4DF4-9A26-B3BA80747E15}" dt="2023-01-19T12:58:53.139" v="37"/>
          <ac:picMkLst>
            <pc:docMk/>
            <pc:sldMk cId="106470736" sldId="299"/>
            <ac:picMk id="3" creationId="{172DE495-4AC4-0FA6-87FF-6388ED8DE1AE}"/>
          </ac:picMkLst>
        </pc:picChg>
      </pc:sldChg>
      <pc:sldChg chg="addSp delSp modSp mod">
        <pc:chgData name="Weise, JanaLea" userId="12609bf0-98b9-4b6b-bb54-7237c71eeea2" providerId="ADAL" clId="{684CF541-0FE6-4DF4-9A26-B3BA80747E15}" dt="2023-01-19T17:49:08.063" v="1089" actId="6549"/>
        <pc:sldMkLst>
          <pc:docMk/>
          <pc:sldMk cId="1450625480" sldId="301"/>
        </pc:sldMkLst>
        <pc:spChg chg="mod">
          <ac:chgData name="Weise, JanaLea" userId="12609bf0-98b9-4b6b-bb54-7237c71eeea2" providerId="ADAL" clId="{684CF541-0FE6-4DF4-9A26-B3BA80747E15}" dt="2023-01-19T13:03:28.928" v="68" actId="20577"/>
          <ac:spMkLst>
            <pc:docMk/>
            <pc:sldMk cId="1450625480" sldId="301"/>
            <ac:spMk id="2" creationId="{A6C2BB58-5712-4850-811B-A0235E5AED30}"/>
          </ac:spMkLst>
        </pc:spChg>
        <pc:spChg chg="del">
          <ac:chgData name="Weise, JanaLea" userId="12609bf0-98b9-4b6b-bb54-7237c71eeea2" providerId="ADAL" clId="{684CF541-0FE6-4DF4-9A26-B3BA80747E15}" dt="2023-01-19T13:04:05.837" v="87"/>
          <ac:spMkLst>
            <pc:docMk/>
            <pc:sldMk cId="1450625480" sldId="301"/>
            <ac:spMk id="3" creationId="{AAECE89B-C84D-40E0-9904-50112E896BEF}"/>
          </ac:spMkLst>
        </pc:spChg>
        <pc:spChg chg="add mod">
          <ac:chgData name="Weise, JanaLea" userId="12609bf0-98b9-4b6b-bb54-7237c71eeea2" providerId="ADAL" clId="{684CF541-0FE6-4DF4-9A26-B3BA80747E15}" dt="2023-01-19T13:20:08.970" v="737" actId="1076"/>
          <ac:spMkLst>
            <pc:docMk/>
            <pc:sldMk cId="1450625480" sldId="301"/>
            <ac:spMk id="6" creationId="{341FF405-E958-8254-E3D2-4DD9C3F01474}"/>
          </ac:spMkLst>
        </pc:spChg>
        <pc:spChg chg="add del mod">
          <ac:chgData name="Weise, JanaLea" userId="12609bf0-98b9-4b6b-bb54-7237c71eeea2" providerId="ADAL" clId="{684CF541-0FE6-4DF4-9A26-B3BA80747E15}" dt="2023-01-19T13:04:11.138" v="89" actId="478"/>
          <ac:spMkLst>
            <pc:docMk/>
            <pc:sldMk cId="1450625480" sldId="301"/>
            <ac:spMk id="8" creationId="{497619C4-1EF9-BCEC-3744-722BDDEB6936}"/>
          </ac:spMkLst>
        </pc:spChg>
        <pc:spChg chg="add mod">
          <ac:chgData name="Weise, JanaLea" userId="12609bf0-98b9-4b6b-bb54-7237c71eeea2" providerId="ADAL" clId="{684CF541-0FE6-4DF4-9A26-B3BA80747E15}" dt="2023-01-19T13:12:56.446" v="664" actId="207"/>
          <ac:spMkLst>
            <pc:docMk/>
            <pc:sldMk cId="1450625480" sldId="301"/>
            <ac:spMk id="9" creationId="{7E377A06-B4B2-92CC-E4ED-856817B5B44C}"/>
          </ac:spMkLst>
        </pc:spChg>
        <pc:spChg chg="add mod">
          <ac:chgData name="Weise, JanaLea" userId="12609bf0-98b9-4b6b-bb54-7237c71eeea2" providerId="ADAL" clId="{684CF541-0FE6-4DF4-9A26-B3BA80747E15}" dt="2023-01-19T13:10:08.998" v="582" actId="20577"/>
          <ac:spMkLst>
            <pc:docMk/>
            <pc:sldMk cId="1450625480" sldId="301"/>
            <ac:spMk id="10" creationId="{C3C7A936-65FA-182E-17C3-9B827FC3C324}"/>
          </ac:spMkLst>
        </pc:spChg>
        <pc:spChg chg="add mod">
          <ac:chgData name="Weise, JanaLea" userId="12609bf0-98b9-4b6b-bb54-7237c71eeea2" providerId="ADAL" clId="{684CF541-0FE6-4DF4-9A26-B3BA80747E15}" dt="2023-01-19T13:10:14.140" v="600" actId="20577"/>
          <ac:spMkLst>
            <pc:docMk/>
            <pc:sldMk cId="1450625480" sldId="301"/>
            <ac:spMk id="11" creationId="{03633E3F-936E-D3CF-7339-90292FD0172B}"/>
          </ac:spMkLst>
        </pc:spChg>
        <pc:spChg chg="add mod">
          <ac:chgData name="Weise, JanaLea" userId="12609bf0-98b9-4b6b-bb54-7237c71eeea2" providerId="ADAL" clId="{684CF541-0FE6-4DF4-9A26-B3BA80747E15}" dt="2023-01-19T13:09:44.317" v="524" actId="113"/>
          <ac:spMkLst>
            <pc:docMk/>
            <pc:sldMk cId="1450625480" sldId="301"/>
            <ac:spMk id="12" creationId="{62966A98-6EC7-5F9A-3309-062D4CB58E3D}"/>
          </ac:spMkLst>
        </pc:spChg>
        <pc:spChg chg="add mod">
          <ac:chgData name="Weise, JanaLea" userId="12609bf0-98b9-4b6b-bb54-7237c71eeea2" providerId="ADAL" clId="{684CF541-0FE6-4DF4-9A26-B3BA80747E15}" dt="2023-01-19T13:09:21.604" v="521" actId="1076"/>
          <ac:spMkLst>
            <pc:docMk/>
            <pc:sldMk cId="1450625480" sldId="301"/>
            <ac:spMk id="13" creationId="{D4A2B728-0BC9-D71A-2D9B-C7EBC458EA3A}"/>
          </ac:spMkLst>
        </pc:spChg>
        <pc:spChg chg="add mod">
          <ac:chgData name="Weise, JanaLea" userId="12609bf0-98b9-4b6b-bb54-7237c71eeea2" providerId="ADAL" clId="{684CF541-0FE6-4DF4-9A26-B3BA80747E15}" dt="2023-01-19T13:09:21.604" v="521" actId="1076"/>
          <ac:spMkLst>
            <pc:docMk/>
            <pc:sldMk cId="1450625480" sldId="301"/>
            <ac:spMk id="14" creationId="{53DA7066-B8E6-CEB7-66BA-BA9902C80387}"/>
          </ac:spMkLst>
        </pc:spChg>
        <pc:spChg chg="add mod">
          <ac:chgData name="Weise, JanaLea" userId="12609bf0-98b9-4b6b-bb54-7237c71eeea2" providerId="ADAL" clId="{684CF541-0FE6-4DF4-9A26-B3BA80747E15}" dt="2023-01-19T17:49:08.063" v="1089" actId="6549"/>
          <ac:spMkLst>
            <pc:docMk/>
            <pc:sldMk cId="1450625480" sldId="301"/>
            <ac:spMk id="15" creationId="{25AF7674-CDB6-91BA-20EA-4DDEB337092D}"/>
          </ac:spMkLst>
        </pc:spChg>
        <pc:spChg chg="add del mod">
          <ac:chgData name="Weise, JanaLea" userId="12609bf0-98b9-4b6b-bb54-7237c71eeea2" providerId="ADAL" clId="{684CF541-0FE6-4DF4-9A26-B3BA80747E15}" dt="2023-01-19T17:46:46.869" v="1043" actId="20577"/>
          <ac:spMkLst>
            <pc:docMk/>
            <pc:sldMk cId="1450625480" sldId="301"/>
            <ac:spMk id="16" creationId="{B843DEFB-B9B9-80ED-EA1D-D6CDA6E40E18}"/>
          </ac:spMkLst>
        </pc:spChg>
        <pc:spChg chg="add del mod">
          <ac:chgData name="Weise, JanaLea" userId="12609bf0-98b9-4b6b-bb54-7237c71eeea2" providerId="ADAL" clId="{684CF541-0FE6-4DF4-9A26-B3BA80747E15}" dt="2023-01-19T13:19:01.790" v="675" actId="478"/>
          <ac:spMkLst>
            <pc:docMk/>
            <pc:sldMk cId="1450625480" sldId="301"/>
            <ac:spMk id="17" creationId="{561E8F80-5500-58B4-BF14-CCDEC0B36A18}"/>
          </ac:spMkLst>
        </pc:spChg>
        <pc:spChg chg="add mod">
          <ac:chgData name="Weise, JanaLea" userId="12609bf0-98b9-4b6b-bb54-7237c71eeea2" providerId="ADAL" clId="{684CF541-0FE6-4DF4-9A26-B3BA80747E15}" dt="2023-01-19T17:46:41.004" v="1027" actId="20577"/>
          <ac:spMkLst>
            <pc:docMk/>
            <pc:sldMk cId="1450625480" sldId="301"/>
            <ac:spMk id="18" creationId="{484B2E82-0E29-C467-621C-C1E8A230AA72}"/>
          </ac:spMkLst>
        </pc:spChg>
        <pc:spChg chg="add mod">
          <ac:chgData name="Weise, JanaLea" userId="12609bf0-98b9-4b6b-bb54-7237c71eeea2" providerId="ADAL" clId="{684CF541-0FE6-4DF4-9A26-B3BA80747E15}" dt="2023-01-19T17:46:33.981" v="1010" actId="20577"/>
          <ac:spMkLst>
            <pc:docMk/>
            <pc:sldMk cId="1450625480" sldId="301"/>
            <ac:spMk id="19" creationId="{1E52E60E-60B6-968D-4F3A-C6796AA03367}"/>
          </ac:spMkLst>
        </pc:spChg>
        <pc:spChg chg="add mod">
          <ac:chgData name="Weise, JanaLea" userId="12609bf0-98b9-4b6b-bb54-7237c71eeea2" providerId="ADAL" clId="{684CF541-0FE6-4DF4-9A26-B3BA80747E15}" dt="2023-01-19T17:47:08.987" v="1051" actId="20577"/>
          <ac:spMkLst>
            <pc:docMk/>
            <pc:sldMk cId="1450625480" sldId="301"/>
            <ac:spMk id="20" creationId="{66984D3C-404E-95F2-DB90-8F1675E6BEFA}"/>
          </ac:spMkLst>
        </pc:spChg>
        <pc:spChg chg="add mod">
          <ac:chgData name="Weise, JanaLea" userId="12609bf0-98b9-4b6b-bb54-7237c71eeea2" providerId="ADAL" clId="{684CF541-0FE6-4DF4-9A26-B3BA80747E15}" dt="2023-01-19T13:23:05.765" v="947" actId="14100"/>
          <ac:spMkLst>
            <pc:docMk/>
            <pc:sldMk cId="1450625480" sldId="301"/>
            <ac:spMk id="21" creationId="{2933A029-0D23-5697-9C73-90C459061CF1}"/>
          </ac:spMkLst>
        </pc:spChg>
        <pc:spChg chg="add mod">
          <ac:chgData name="Weise, JanaLea" userId="12609bf0-98b9-4b6b-bb54-7237c71eeea2" providerId="ADAL" clId="{684CF541-0FE6-4DF4-9A26-B3BA80747E15}" dt="2023-01-19T13:23:10.218" v="949" actId="14100"/>
          <ac:spMkLst>
            <pc:docMk/>
            <pc:sldMk cId="1450625480" sldId="301"/>
            <ac:spMk id="22" creationId="{D94599F0-CDF7-67CB-BD1A-A66997A1071D}"/>
          </ac:spMkLst>
        </pc:spChg>
        <pc:picChg chg="add mod">
          <ac:chgData name="Weise, JanaLea" userId="12609bf0-98b9-4b6b-bb54-7237c71eeea2" providerId="ADAL" clId="{684CF541-0FE6-4DF4-9A26-B3BA80747E15}" dt="2023-01-19T12:58:42.607" v="35"/>
          <ac:picMkLst>
            <pc:docMk/>
            <pc:sldMk cId="1450625480" sldId="301"/>
            <ac:picMk id="5" creationId="{D5976BDA-381F-4EC4-0BB2-F4749CDE2D01}"/>
          </ac:picMkLst>
        </pc:picChg>
        <pc:picChg chg="add del mod">
          <ac:chgData name="Weise, JanaLea" userId="12609bf0-98b9-4b6b-bb54-7237c71eeea2" providerId="ADAL" clId="{684CF541-0FE6-4DF4-9A26-B3BA80747E15}" dt="2023-01-19T13:04:07.478" v="88" actId="478"/>
          <ac:picMkLst>
            <pc:docMk/>
            <pc:sldMk cId="1450625480" sldId="301"/>
            <ac:picMk id="7" creationId="{08BD262E-6D60-5AF6-1B34-18DF45263BFE}"/>
          </ac:picMkLst>
        </pc:picChg>
      </pc:sldChg>
      <pc:sldChg chg="addSp modSp mod">
        <pc:chgData name="Weise, JanaLea" userId="12609bf0-98b9-4b6b-bb54-7237c71eeea2" providerId="ADAL" clId="{684CF541-0FE6-4DF4-9A26-B3BA80747E15}" dt="2023-01-19T12:59:07.119" v="40" actId="1076"/>
        <pc:sldMkLst>
          <pc:docMk/>
          <pc:sldMk cId="1965767998" sldId="302"/>
        </pc:sldMkLst>
        <pc:spChg chg="mod">
          <ac:chgData name="Weise, JanaLea" userId="12609bf0-98b9-4b6b-bb54-7237c71eeea2" providerId="ADAL" clId="{684CF541-0FE6-4DF4-9A26-B3BA80747E15}" dt="2023-01-19T12:59:07.119" v="40" actId="1076"/>
          <ac:spMkLst>
            <pc:docMk/>
            <pc:sldMk cId="1965767998" sldId="302"/>
            <ac:spMk id="2" creationId="{8E1D41EA-17F0-45DB-9C41-B6D6807033EF}"/>
          </ac:spMkLst>
        </pc:spChg>
        <pc:picChg chg="add mod">
          <ac:chgData name="Weise, JanaLea" userId="12609bf0-98b9-4b6b-bb54-7237c71eeea2" providerId="ADAL" clId="{684CF541-0FE6-4DF4-9A26-B3BA80747E15}" dt="2023-01-19T12:58:59.321" v="39"/>
          <ac:picMkLst>
            <pc:docMk/>
            <pc:sldMk cId="1965767998" sldId="302"/>
            <ac:picMk id="3" creationId="{3332E1E3-A046-9E88-A0A2-E8D4687366C2}"/>
          </ac:picMkLst>
        </pc:picChg>
      </pc:sldChg>
      <pc:sldChg chg="mod modShow">
        <pc:chgData name="Weise, JanaLea" userId="12609bf0-98b9-4b6b-bb54-7237c71eeea2" providerId="ADAL" clId="{684CF541-0FE6-4DF4-9A26-B3BA80747E15}" dt="2023-01-24T08:20:31.077" v="1648" actId="729"/>
        <pc:sldMkLst>
          <pc:docMk/>
          <pc:sldMk cId="2181357851" sldId="303"/>
        </pc:sldMkLst>
      </pc:sldChg>
      <pc:sldChg chg="addSp delSp modSp add del">
        <pc:chgData name="Weise, JanaLea" userId="12609bf0-98b9-4b6b-bb54-7237c71eeea2" providerId="ADAL" clId="{684CF541-0FE6-4DF4-9A26-B3BA80747E15}" dt="2023-01-19T13:04:35.852" v="269" actId="2696"/>
        <pc:sldMkLst>
          <pc:docMk/>
          <pc:sldMk cId="2856682833" sldId="303"/>
        </pc:sldMkLst>
        <pc:spChg chg="del">
          <ac:chgData name="Weise, JanaLea" userId="12609bf0-98b9-4b6b-bb54-7237c71eeea2" providerId="ADAL" clId="{684CF541-0FE6-4DF4-9A26-B3BA80747E15}" dt="2023-01-19T13:04:27.045" v="142"/>
          <ac:spMkLst>
            <pc:docMk/>
            <pc:sldMk cId="2856682833" sldId="303"/>
            <ac:spMk id="2" creationId="{FDFC1673-759D-1C92-E1F8-1BD6BC5DCE09}"/>
          </ac:spMkLst>
        </pc:spChg>
        <pc:spChg chg="add mod">
          <ac:chgData name="Weise, JanaLea" userId="12609bf0-98b9-4b6b-bb54-7237c71eeea2" providerId="ADAL" clId="{684CF541-0FE6-4DF4-9A26-B3BA80747E15}" dt="2023-01-19T13:04:27.045" v="142"/>
          <ac:spMkLst>
            <pc:docMk/>
            <pc:sldMk cId="2856682833" sldId="303"/>
            <ac:spMk id="3" creationId="{B8CC9C12-A13A-7820-EDD3-1D3A85E21965}"/>
          </ac:spMkLst>
        </pc:spChg>
        <pc:spChg chg="mod">
          <ac:chgData name="Weise, JanaLea" userId="12609bf0-98b9-4b6b-bb54-7237c71eeea2" providerId="ADAL" clId="{684CF541-0FE6-4DF4-9A26-B3BA80747E15}" dt="2023-01-19T13:04:27.082" v="143"/>
          <ac:spMkLst>
            <pc:docMk/>
            <pc:sldMk cId="2856682833" sldId="303"/>
            <ac:spMk id="5" creationId="{81E13905-34D6-BE9E-8AA7-2CCDF0446B5A}"/>
          </ac:spMkLst>
        </pc:spChg>
        <pc:spChg chg="mod">
          <ac:chgData name="Weise, JanaLea" userId="12609bf0-98b9-4b6b-bb54-7237c71eeea2" providerId="ADAL" clId="{684CF541-0FE6-4DF4-9A26-B3BA80747E15}" dt="2023-01-19T13:04:27.082" v="143"/>
          <ac:spMkLst>
            <pc:docMk/>
            <pc:sldMk cId="2856682833" sldId="303"/>
            <ac:spMk id="6" creationId="{58D364B0-5D35-F4E0-CA8D-6E8BA1893C4C}"/>
          </ac:spMkLst>
        </pc:spChg>
        <pc:spChg chg="mod">
          <ac:chgData name="Weise, JanaLea" userId="12609bf0-98b9-4b6b-bb54-7237c71eeea2" providerId="ADAL" clId="{684CF541-0FE6-4DF4-9A26-B3BA80747E15}" dt="2023-01-19T13:04:27.082" v="143"/>
          <ac:spMkLst>
            <pc:docMk/>
            <pc:sldMk cId="2856682833" sldId="303"/>
            <ac:spMk id="7" creationId="{80D238D9-C5FB-0FA5-2864-722671F99830}"/>
          </ac:spMkLst>
        </pc:spChg>
        <pc:spChg chg="mod">
          <ac:chgData name="Weise, JanaLea" userId="12609bf0-98b9-4b6b-bb54-7237c71eeea2" providerId="ADAL" clId="{684CF541-0FE6-4DF4-9A26-B3BA80747E15}" dt="2023-01-19T13:04:27.082" v="143"/>
          <ac:spMkLst>
            <pc:docMk/>
            <pc:sldMk cId="2856682833" sldId="303"/>
            <ac:spMk id="8" creationId="{61590003-0F49-0161-9A00-F7FAD77921CA}"/>
          </ac:spMkLst>
        </pc:spChg>
        <pc:spChg chg="mod">
          <ac:chgData name="Weise, JanaLea" userId="12609bf0-98b9-4b6b-bb54-7237c71eeea2" providerId="ADAL" clId="{684CF541-0FE6-4DF4-9A26-B3BA80747E15}" dt="2023-01-19T13:04:27.082" v="143"/>
          <ac:spMkLst>
            <pc:docMk/>
            <pc:sldMk cId="2856682833" sldId="303"/>
            <ac:spMk id="9" creationId="{A6611BDA-8312-CCA8-606A-7BBBE241C696}"/>
          </ac:spMkLst>
        </pc:spChg>
        <pc:spChg chg="mod">
          <ac:chgData name="Weise, JanaLea" userId="12609bf0-98b9-4b6b-bb54-7237c71eeea2" providerId="ADAL" clId="{684CF541-0FE6-4DF4-9A26-B3BA80747E15}" dt="2023-01-19T13:04:27.082" v="143"/>
          <ac:spMkLst>
            <pc:docMk/>
            <pc:sldMk cId="2856682833" sldId="303"/>
            <ac:spMk id="10" creationId="{7E241418-0CBF-80EC-5667-035CCD5B5D7A}"/>
          </ac:spMkLst>
        </pc:spChg>
        <pc:spChg chg="mod">
          <ac:chgData name="Weise, JanaLea" userId="12609bf0-98b9-4b6b-bb54-7237c71eeea2" providerId="ADAL" clId="{684CF541-0FE6-4DF4-9A26-B3BA80747E15}" dt="2023-01-19T13:04:27.082" v="143"/>
          <ac:spMkLst>
            <pc:docMk/>
            <pc:sldMk cId="2856682833" sldId="303"/>
            <ac:spMk id="12" creationId="{3C0F8B64-26F4-08B9-AC91-DE2089DD274C}"/>
          </ac:spMkLst>
        </pc:spChg>
        <pc:spChg chg="mod">
          <ac:chgData name="Weise, JanaLea" userId="12609bf0-98b9-4b6b-bb54-7237c71eeea2" providerId="ADAL" clId="{684CF541-0FE6-4DF4-9A26-B3BA80747E15}" dt="2023-01-19T13:04:27.082" v="143"/>
          <ac:spMkLst>
            <pc:docMk/>
            <pc:sldMk cId="2856682833" sldId="303"/>
            <ac:spMk id="13" creationId="{707E8897-C8C3-B7B9-EDE4-D36CEF09CF3F}"/>
          </ac:spMkLst>
        </pc:spChg>
        <pc:spChg chg="mod">
          <ac:chgData name="Weise, JanaLea" userId="12609bf0-98b9-4b6b-bb54-7237c71eeea2" providerId="ADAL" clId="{684CF541-0FE6-4DF4-9A26-B3BA80747E15}" dt="2023-01-19T13:04:27.082" v="143"/>
          <ac:spMkLst>
            <pc:docMk/>
            <pc:sldMk cId="2856682833" sldId="303"/>
            <ac:spMk id="14" creationId="{0944477A-88B2-EEBA-A4E4-0316D9C8181D}"/>
          </ac:spMkLst>
        </pc:spChg>
        <pc:spChg chg="mod">
          <ac:chgData name="Weise, JanaLea" userId="12609bf0-98b9-4b6b-bb54-7237c71eeea2" providerId="ADAL" clId="{684CF541-0FE6-4DF4-9A26-B3BA80747E15}" dt="2023-01-19T13:04:27.082" v="143"/>
          <ac:spMkLst>
            <pc:docMk/>
            <pc:sldMk cId="2856682833" sldId="303"/>
            <ac:spMk id="15" creationId="{EAD31B37-C5B4-B816-A91F-CA4281A1169D}"/>
          </ac:spMkLst>
        </pc:spChg>
        <pc:spChg chg="mod">
          <ac:chgData name="Weise, JanaLea" userId="12609bf0-98b9-4b6b-bb54-7237c71eeea2" providerId="ADAL" clId="{684CF541-0FE6-4DF4-9A26-B3BA80747E15}" dt="2023-01-19T13:04:27.082" v="143"/>
          <ac:spMkLst>
            <pc:docMk/>
            <pc:sldMk cId="2856682833" sldId="303"/>
            <ac:spMk id="16" creationId="{81DABF39-8D14-B5E0-75F0-64457587B082}"/>
          </ac:spMkLst>
        </pc:spChg>
        <pc:spChg chg="mod">
          <ac:chgData name="Weise, JanaLea" userId="12609bf0-98b9-4b6b-bb54-7237c71eeea2" providerId="ADAL" clId="{684CF541-0FE6-4DF4-9A26-B3BA80747E15}" dt="2023-01-19T13:04:27.082" v="143"/>
          <ac:spMkLst>
            <pc:docMk/>
            <pc:sldMk cId="2856682833" sldId="303"/>
            <ac:spMk id="17" creationId="{5B38352B-F899-A66B-6643-F5CA9FF75363}"/>
          </ac:spMkLst>
        </pc:spChg>
        <pc:spChg chg="mod">
          <ac:chgData name="Weise, JanaLea" userId="12609bf0-98b9-4b6b-bb54-7237c71eeea2" providerId="ADAL" clId="{684CF541-0FE6-4DF4-9A26-B3BA80747E15}" dt="2023-01-19T13:04:27.082" v="143"/>
          <ac:spMkLst>
            <pc:docMk/>
            <pc:sldMk cId="2856682833" sldId="303"/>
            <ac:spMk id="19" creationId="{311682C0-2278-3C7E-5BEF-FAAA8B62ED08}"/>
          </ac:spMkLst>
        </pc:spChg>
        <pc:spChg chg="mod">
          <ac:chgData name="Weise, JanaLea" userId="12609bf0-98b9-4b6b-bb54-7237c71eeea2" providerId="ADAL" clId="{684CF541-0FE6-4DF4-9A26-B3BA80747E15}" dt="2023-01-19T13:04:27.082" v="143"/>
          <ac:spMkLst>
            <pc:docMk/>
            <pc:sldMk cId="2856682833" sldId="303"/>
            <ac:spMk id="20" creationId="{27D793A7-1D02-CF2C-2CAE-0B23010B9F17}"/>
          </ac:spMkLst>
        </pc:spChg>
        <pc:spChg chg="mod">
          <ac:chgData name="Weise, JanaLea" userId="12609bf0-98b9-4b6b-bb54-7237c71eeea2" providerId="ADAL" clId="{684CF541-0FE6-4DF4-9A26-B3BA80747E15}" dt="2023-01-19T13:04:27.082" v="143"/>
          <ac:spMkLst>
            <pc:docMk/>
            <pc:sldMk cId="2856682833" sldId="303"/>
            <ac:spMk id="21" creationId="{87B2BC05-657E-E27B-8A21-004D32D631D2}"/>
          </ac:spMkLst>
        </pc:spChg>
        <pc:spChg chg="mod">
          <ac:chgData name="Weise, JanaLea" userId="12609bf0-98b9-4b6b-bb54-7237c71eeea2" providerId="ADAL" clId="{684CF541-0FE6-4DF4-9A26-B3BA80747E15}" dt="2023-01-19T13:04:27.082" v="143"/>
          <ac:spMkLst>
            <pc:docMk/>
            <pc:sldMk cId="2856682833" sldId="303"/>
            <ac:spMk id="22" creationId="{F6E46D5E-E0CE-B805-9607-72AD345A6C59}"/>
          </ac:spMkLst>
        </pc:spChg>
        <pc:spChg chg="mod">
          <ac:chgData name="Weise, JanaLea" userId="12609bf0-98b9-4b6b-bb54-7237c71eeea2" providerId="ADAL" clId="{684CF541-0FE6-4DF4-9A26-B3BA80747E15}" dt="2023-01-19T13:04:27.082" v="143"/>
          <ac:spMkLst>
            <pc:docMk/>
            <pc:sldMk cId="2856682833" sldId="303"/>
            <ac:spMk id="23" creationId="{9AB1AA8D-8B36-CA8E-4197-8961CED225EF}"/>
          </ac:spMkLst>
        </pc:spChg>
        <pc:spChg chg="mod">
          <ac:chgData name="Weise, JanaLea" userId="12609bf0-98b9-4b6b-bb54-7237c71eeea2" providerId="ADAL" clId="{684CF541-0FE6-4DF4-9A26-B3BA80747E15}" dt="2023-01-19T13:04:27.082" v="143"/>
          <ac:spMkLst>
            <pc:docMk/>
            <pc:sldMk cId="2856682833" sldId="303"/>
            <ac:spMk id="24" creationId="{40C9B5A2-A777-9950-523B-DF149606629E}"/>
          </ac:spMkLst>
        </pc:spChg>
        <pc:spChg chg="mod">
          <ac:chgData name="Weise, JanaLea" userId="12609bf0-98b9-4b6b-bb54-7237c71eeea2" providerId="ADAL" clId="{684CF541-0FE6-4DF4-9A26-B3BA80747E15}" dt="2023-01-19T13:04:27.082" v="143"/>
          <ac:spMkLst>
            <pc:docMk/>
            <pc:sldMk cId="2856682833" sldId="303"/>
            <ac:spMk id="26" creationId="{EB64492A-8255-46B2-9D22-7EC7F99F4FDA}"/>
          </ac:spMkLst>
        </pc:spChg>
        <pc:spChg chg="mod">
          <ac:chgData name="Weise, JanaLea" userId="12609bf0-98b9-4b6b-bb54-7237c71eeea2" providerId="ADAL" clId="{684CF541-0FE6-4DF4-9A26-B3BA80747E15}" dt="2023-01-19T13:04:27.082" v="143"/>
          <ac:spMkLst>
            <pc:docMk/>
            <pc:sldMk cId="2856682833" sldId="303"/>
            <ac:spMk id="27" creationId="{C00357E9-AC80-F06F-4F9E-DB43C22040BB}"/>
          </ac:spMkLst>
        </pc:spChg>
        <pc:spChg chg="mod">
          <ac:chgData name="Weise, JanaLea" userId="12609bf0-98b9-4b6b-bb54-7237c71eeea2" providerId="ADAL" clId="{684CF541-0FE6-4DF4-9A26-B3BA80747E15}" dt="2023-01-19T13:04:27.082" v="143"/>
          <ac:spMkLst>
            <pc:docMk/>
            <pc:sldMk cId="2856682833" sldId="303"/>
            <ac:spMk id="28" creationId="{D9C65F45-17EF-D687-4A03-2476913862CA}"/>
          </ac:spMkLst>
        </pc:spChg>
        <pc:spChg chg="mod">
          <ac:chgData name="Weise, JanaLea" userId="12609bf0-98b9-4b6b-bb54-7237c71eeea2" providerId="ADAL" clId="{684CF541-0FE6-4DF4-9A26-B3BA80747E15}" dt="2023-01-19T13:04:27.082" v="143"/>
          <ac:spMkLst>
            <pc:docMk/>
            <pc:sldMk cId="2856682833" sldId="303"/>
            <ac:spMk id="29" creationId="{09EFF06E-009B-908D-25C3-94586D054861}"/>
          </ac:spMkLst>
        </pc:spChg>
        <pc:spChg chg="mod">
          <ac:chgData name="Weise, JanaLea" userId="12609bf0-98b9-4b6b-bb54-7237c71eeea2" providerId="ADAL" clId="{684CF541-0FE6-4DF4-9A26-B3BA80747E15}" dt="2023-01-19T13:04:27.082" v="143"/>
          <ac:spMkLst>
            <pc:docMk/>
            <pc:sldMk cId="2856682833" sldId="303"/>
            <ac:spMk id="30" creationId="{BEE6930B-D793-5DF0-D4FD-378C4C5758D9}"/>
          </ac:spMkLst>
        </pc:spChg>
        <pc:spChg chg="mod">
          <ac:chgData name="Weise, JanaLea" userId="12609bf0-98b9-4b6b-bb54-7237c71eeea2" providerId="ADAL" clId="{684CF541-0FE6-4DF4-9A26-B3BA80747E15}" dt="2023-01-19T13:04:27.082" v="143"/>
          <ac:spMkLst>
            <pc:docMk/>
            <pc:sldMk cId="2856682833" sldId="303"/>
            <ac:spMk id="31" creationId="{0687E946-99EC-CEFF-2297-370881260B5E}"/>
          </ac:spMkLst>
        </pc:spChg>
        <pc:grpChg chg="add mod">
          <ac:chgData name="Weise, JanaLea" userId="12609bf0-98b9-4b6b-bb54-7237c71eeea2" providerId="ADAL" clId="{684CF541-0FE6-4DF4-9A26-B3BA80747E15}" dt="2023-01-19T13:04:27.082" v="143"/>
          <ac:grpSpMkLst>
            <pc:docMk/>
            <pc:sldMk cId="2856682833" sldId="303"/>
            <ac:grpSpMk id="4" creationId="{B2A51820-840B-6BD0-09AD-7E1D439E7A8C}"/>
          </ac:grpSpMkLst>
        </pc:grpChg>
        <pc:grpChg chg="add mod">
          <ac:chgData name="Weise, JanaLea" userId="12609bf0-98b9-4b6b-bb54-7237c71eeea2" providerId="ADAL" clId="{684CF541-0FE6-4DF4-9A26-B3BA80747E15}" dt="2023-01-19T13:04:27.082" v="143"/>
          <ac:grpSpMkLst>
            <pc:docMk/>
            <pc:sldMk cId="2856682833" sldId="303"/>
            <ac:grpSpMk id="11" creationId="{E511B2AD-027E-13FB-A8D6-77075F700B87}"/>
          </ac:grpSpMkLst>
        </pc:grpChg>
        <pc:grpChg chg="add mod">
          <ac:chgData name="Weise, JanaLea" userId="12609bf0-98b9-4b6b-bb54-7237c71eeea2" providerId="ADAL" clId="{684CF541-0FE6-4DF4-9A26-B3BA80747E15}" dt="2023-01-19T13:04:27.082" v="143"/>
          <ac:grpSpMkLst>
            <pc:docMk/>
            <pc:sldMk cId="2856682833" sldId="303"/>
            <ac:grpSpMk id="18" creationId="{8F062C02-F719-B674-0944-BB9FDA8A0141}"/>
          </ac:grpSpMkLst>
        </pc:grpChg>
        <pc:grpChg chg="add mod">
          <ac:chgData name="Weise, JanaLea" userId="12609bf0-98b9-4b6b-bb54-7237c71eeea2" providerId="ADAL" clId="{684CF541-0FE6-4DF4-9A26-B3BA80747E15}" dt="2023-01-19T13:04:27.082" v="143"/>
          <ac:grpSpMkLst>
            <pc:docMk/>
            <pc:sldMk cId="2856682833" sldId="303"/>
            <ac:grpSpMk id="25" creationId="{7DEACAD7-8262-5830-2C17-C822F4C8246D}"/>
          </ac:grpSpMkLst>
        </pc:grpChg>
      </pc:sldChg>
      <pc:sldChg chg="addSp delSp modSp add del mod ord">
        <pc:chgData name="Weise, JanaLea" userId="12609bf0-98b9-4b6b-bb54-7237c71eeea2" providerId="ADAL" clId="{684CF541-0FE6-4DF4-9A26-B3BA80747E15}" dt="2023-01-19T13:04:35.860" v="272" actId="2890"/>
        <pc:sldMkLst>
          <pc:docMk/>
          <pc:sldMk cId="1973775948" sldId="304"/>
        </pc:sldMkLst>
        <pc:spChg chg="add mod">
          <ac:chgData name="Weise, JanaLea" userId="12609bf0-98b9-4b6b-bb54-7237c71eeea2" providerId="ADAL" clId="{684CF541-0FE6-4DF4-9A26-B3BA80747E15}" dt="2023-01-19T13:04:35.852" v="271" actId="20577"/>
          <ac:spMkLst>
            <pc:docMk/>
            <pc:sldMk cId="1973775948" sldId="304"/>
            <ac:spMk id="2" creationId="{8471D678-AAA2-64E6-9D4F-2CD1F03996C8}"/>
          </ac:spMkLst>
        </pc:spChg>
        <pc:spChg chg="del">
          <ac:chgData name="Weise, JanaLea" userId="12609bf0-98b9-4b6b-bb54-7237c71eeea2" providerId="ADAL" clId="{684CF541-0FE6-4DF4-9A26-B3BA80747E15}" dt="2023-01-19T13:04:27.130" v="146"/>
          <ac:spMkLst>
            <pc:docMk/>
            <pc:sldMk cId="1973775948" sldId="304"/>
            <ac:spMk id="3" creationId="{B8CC9C12-A13A-7820-EDD3-1D3A85E21965}"/>
          </ac:spMkLst>
        </pc:spChg>
        <pc:spChg chg="mod modVis">
          <ac:chgData name="Weise, JanaLea" userId="12609bf0-98b9-4b6b-bb54-7237c71eeea2" providerId="ADAL" clId="{684CF541-0FE6-4DF4-9A26-B3BA80747E15}" dt="2023-01-19T13:04:35.837" v="265" actId="20577"/>
          <ac:spMkLst>
            <pc:docMk/>
            <pc:sldMk cId="1973775948" sldId="304"/>
            <ac:spMk id="33" creationId="{E74D8A77-E40B-248F-7DB8-40710A15DF8D}"/>
          </ac:spMkLst>
        </pc:spChg>
        <pc:spChg chg="mod modVis">
          <ac:chgData name="Weise, JanaLea" userId="12609bf0-98b9-4b6b-bb54-7237c71eeea2" providerId="ADAL" clId="{684CF541-0FE6-4DF4-9A26-B3BA80747E15}" dt="2023-01-19T13:04:35.846" v="266" actId="20577"/>
          <ac:spMkLst>
            <pc:docMk/>
            <pc:sldMk cId="1973775948" sldId="304"/>
            <ac:spMk id="34" creationId="{37DFE85F-FC07-3806-94C8-8D9853C174F2}"/>
          </ac:spMkLst>
        </pc:spChg>
        <pc:spChg chg="mod modVis">
          <ac:chgData name="Weise, JanaLea" userId="12609bf0-98b9-4b6b-bb54-7237c71eeea2" providerId="ADAL" clId="{684CF541-0FE6-4DF4-9A26-B3BA80747E15}" dt="2023-01-19T13:04:35.837" v="264" actId="20577"/>
          <ac:spMkLst>
            <pc:docMk/>
            <pc:sldMk cId="1973775948" sldId="304"/>
            <ac:spMk id="35" creationId="{136EDAC7-1459-DB81-6BE2-EB03C1AB5638}"/>
          </ac:spMkLst>
        </pc:spChg>
        <pc:spChg chg="add del mod modVis">
          <ac:chgData name="Weise, JanaLea" userId="12609bf0-98b9-4b6b-bb54-7237c71eeea2" providerId="ADAL" clId="{684CF541-0FE6-4DF4-9A26-B3BA80747E15}" dt="2023-01-19T13:04:35.837" v="255" actId="962"/>
          <ac:spMkLst>
            <pc:docMk/>
            <pc:sldMk cId="1973775948" sldId="304"/>
            <ac:spMk id="36" creationId="{34272FFF-2D61-BEC2-4253-FBEF180F7A28}"/>
          </ac:spMkLst>
        </pc:spChg>
        <pc:spChg chg="add del mod modVis">
          <ac:chgData name="Weise, JanaLea" userId="12609bf0-98b9-4b6b-bb54-7237c71eeea2" providerId="ADAL" clId="{684CF541-0FE6-4DF4-9A26-B3BA80747E15}" dt="2023-01-19T13:04:35.837" v="254" actId="962"/>
          <ac:spMkLst>
            <pc:docMk/>
            <pc:sldMk cId="1973775948" sldId="304"/>
            <ac:spMk id="37" creationId="{461614BE-00B7-14D4-13B7-975A3A3F117B}"/>
          </ac:spMkLst>
        </pc:spChg>
        <pc:spChg chg="add del mod modVis">
          <ac:chgData name="Weise, JanaLea" userId="12609bf0-98b9-4b6b-bb54-7237c71eeea2" providerId="ADAL" clId="{684CF541-0FE6-4DF4-9A26-B3BA80747E15}" dt="2023-01-19T13:04:35.837" v="253" actId="962"/>
          <ac:spMkLst>
            <pc:docMk/>
            <pc:sldMk cId="1973775948" sldId="304"/>
            <ac:spMk id="38" creationId="{E3912B0D-FE89-7EAD-52AD-D6C618FD4DDF}"/>
          </ac:spMkLst>
        </pc:spChg>
        <pc:grpChg chg="add del">
          <ac:chgData name="Weise, JanaLea" userId="12609bf0-98b9-4b6b-bb54-7237c71eeea2" providerId="ADAL" clId="{684CF541-0FE6-4DF4-9A26-B3BA80747E15}" dt="2023-01-19T13:04:35.837" v="249" actId="478"/>
          <ac:grpSpMkLst>
            <pc:docMk/>
            <pc:sldMk cId="1973775948" sldId="304"/>
            <ac:grpSpMk id="4" creationId="{B2A51820-840B-6BD0-09AD-7E1D439E7A8C}"/>
          </ac:grpSpMkLst>
        </pc:grpChg>
        <pc:grpChg chg="add del">
          <ac:chgData name="Weise, JanaLea" userId="12609bf0-98b9-4b6b-bb54-7237c71eeea2" providerId="ADAL" clId="{684CF541-0FE6-4DF4-9A26-B3BA80747E15}" dt="2023-01-19T13:04:35.834" v="248" actId="478"/>
          <ac:grpSpMkLst>
            <pc:docMk/>
            <pc:sldMk cId="1973775948" sldId="304"/>
            <ac:grpSpMk id="11" creationId="{E511B2AD-027E-13FB-A8D6-77075F700B87}"/>
          </ac:grpSpMkLst>
        </pc:grpChg>
        <pc:grpChg chg="add del">
          <ac:chgData name="Weise, JanaLea" userId="12609bf0-98b9-4b6b-bb54-7237c71eeea2" providerId="ADAL" clId="{684CF541-0FE6-4DF4-9A26-B3BA80747E15}" dt="2023-01-19T13:04:35.834" v="247" actId="478"/>
          <ac:grpSpMkLst>
            <pc:docMk/>
            <pc:sldMk cId="1973775948" sldId="304"/>
            <ac:grpSpMk id="18" creationId="{8F062C02-F719-B674-0944-BB9FDA8A0141}"/>
          </ac:grpSpMkLst>
        </pc:grpChg>
        <pc:grpChg chg="add del">
          <ac:chgData name="Weise, JanaLea" userId="12609bf0-98b9-4b6b-bb54-7237c71eeea2" providerId="ADAL" clId="{684CF541-0FE6-4DF4-9A26-B3BA80747E15}" dt="2023-01-19T13:04:35.834" v="246" actId="478"/>
          <ac:grpSpMkLst>
            <pc:docMk/>
            <pc:sldMk cId="1973775948" sldId="304"/>
            <ac:grpSpMk id="25" creationId="{7DEACAD7-8262-5830-2C17-C822F4C8246D}"/>
          </ac:grpSpMkLst>
        </pc:grpChg>
        <pc:grpChg chg="add mod modVis">
          <ac:chgData name="Weise, JanaLea" userId="12609bf0-98b9-4b6b-bb54-7237c71eeea2" providerId="ADAL" clId="{684CF541-0FE6-4DF4-9A26-B3BA80747E15}" dt="2023-01-19T13:04:35.837" v="261" actId="1076"/>
          <ac:grpSpMkLst>
            <pc:docMk/>
            <pc:sldMk cId="1973775948" sldId="304"/>
            <ac:grpSpMk id="32" creationId="{CC80F93E-E60F-38CD-3A6E-ABB3A3017E9F}"/>
          </ac:grpSpMkLst>
        </pc:grpChg>
      </pc:sldChg>
      <pc:sldChg chg="modSp mod">
        <pc:chgData name="Weise, JanaLea" userId="12609bf0-98b9-4b6b-bb54-7237c71eeea2" providerId="ADAL" clId="{684CF541-0FE6-4DF4-9A26-B3BA80747E15}" dt="2023-02-01T10:22:10.019" v="2256" actId="20577"/>
        <pc:sldMkLst>
          <pc:docMk/>
          <pc:sldMk cId="3803277839" sldId="304"/>
        </pc:sldMkLst>
        <pc:graphicFrameChg chg="modGraphic">
          <ac:chgData name="Weise, JanaLea" userId="12609bf0-98b9-4b6b-bb54-7237c71eeea2" providerId="ADAL" clId="{684CF541-0FE6-4DF4-9A26-B3BA80747E15}" dt="2023-02-01T10:22:10.019" v="2256" actId="20577"/>
          <ac:graphicFrameMkLst>
            <pc:docMk/>
            <pc:sldMk cId="3803277839" sldId="304"/>
            <ac:graphicFrameMk id="19" creationId="{666D4FB8-8916-494B-BBBF-22D9BFD45962}"/>
          </ac:graphicFrameMkLst>
        </pc:graphicFrameChg>
      </pc:sldChg>
      <pc:sldChg chg="modSp mod">
        <pc:chgData name="Weise, JanaLea" userId="12609bf0-98b9-4b6b-bb54-7237c71eeea2" providerId="ADAL" clId="{684CF541-0FE6-4DF4-9A26-B3BA80747E15}" dt="2023-01-23T13:46:43.023" v="1156" actId="20577"/>
        <pc:sldMkLst>
          <pc:docMk/>
          <pc:sldMk cId="2663114340" sldId="305"/>
        </pc:sldMkLst>
        <pc:spChg chg="mod">
          <ac:chgData name="Weise, JanaLea" userId="12609bf0-98b9-4b6b-bb54-7237c71eeea2" providerId="ADAL" clId="{684CF541-0FE6-4DF4-9A26-B3BA80747E15}" dt="2023-01-23T13:46:43.023" v="1156" actId="20577"/>
          <ac:spMkLst>
            <pc:docMk/>
            <pc:sldMk cId="2663114340" sldId="305"/>
            <ac:spMk id="2" creationId="{9A78A7D5-403E-4A0B-9590-A55A34D0A849}"/>
          </ac:spMkLst>
        </pc:spChg>
      </pc:sldChg>
      <pc:sldChg chg="addSp modSp add del">
        <pc:chgData name="Weise, JanaLea" userId="12609bf0-98b9-4b6b-bb54-7237c71eeea2" providerId="ADAL" clId="{684CF541-0FE6-4DF4-9A26-B3BA80747E15}" dt="2023-01-19T13:04:35.846" v="267" actId="2696"/>
        <pc:sldMkLst>
          <pc:docMk/>
          <pc:sldMk cId="4016286571" sldId="305"/>
        </pc:sldMkLst>
        <pc:spChg chg="mod">
          <ac:chgData name="Weise, JanaLea" userId="12609bf0-98b9-4b6b-bb54-7237c71eeea2" providerId="ADAL" clId="{684CF541-0FE6-4DF4-9A26-B3BA80747E15}" dt="2023-01-19T13:04:27.272" v="152"/>
          <ac:spMkLst>
            <pc:docMk/>
            <pc:sldMk cId="4016286571" sldId="305"/>
            <ac:spMk id="3" creationId="{4A0545C9-A5A2-E56C-57C9-548B840E3996}"/>
          </ac:spMkLst>
        </pc:spChg>
        <pc:spChg chg="mod">
          <ac:chgData name="Weise, JanaLea" userId="12609bf0-98b9-4b6b-bb54-7237c71eeea2" providerId="ADAL" clId="{684CF541-0FE6-4DF4-9A26-B3BA80747E15}" dt="2023-01-19T13:04:27.272" v="152"/>
          <ac:spMkLst>
            <pc:docMk/>
            <pc:sldMk cId="4016286571" sldId="305"/>
            <ac:spMk id="4" creationId="{CBA31FC4-D888-FB9E-6D56-7F293E1A2FB0}"/>
          </ac:spMkLst>
        </pc:spChg>
        <pc:spChg chg="mod">
          <ac:chgData name="Weise, JanaLea" userId="12609bf0-98b9-4b6b-bb54-7237c71eeea2" providerId="ADAL" clId="{684CF541-0FE6-4DF4-9A26-B3BA80747E15}" dt="2023-01-19T13:04:27.272" v="152"/>
          <ac:spMkLst>
            <pc:docMk/>
            <pc:sldMk cId="4016286571" sldId="305"/>
            <ac:spMk id="5" creationId="{8B32ADE4-FE16-73B8-C019-28B4F55B8D0C}"/>
          </ac:spMkLst>
        </pc:spChg>
        <pc:spChg chg="mod">
          <ac:chgData name="Weise, JanaLea" userId="12609bf0-98b9-4b6b-bb54-7237c71eeea2" providerId="ADAL" clId="{684CF541-0FE6-4DF4-9A26-B3BA80747E15}" dt="2023-01-19T13:04:27.272" v="152"/>
          <ac:spMkLst>
            <pc:docMk/>
            <pc:sldMk cId="4016286571" sldId="305"/>
            <ac:spMk id="6" creationId="{DBA728BC-F078-EA98-955E-0918A31B8168}"/>
          </ac:spMkLst>
        </pc:spChg>
        <pc:spChg chg="mod">
          <ac:chgData name="Weise, JanaLea" userId="12609bf0-98b9-4b6b-bb54-7237c71eeea2" providerId="ADAL" clId="{684CF541-0FE6-4DF4-9A26-B3BA80747E15}" dt="2023-01-19T13:04:27.272" v="152"/>
          <ac:spMkLst>
            <pc:docMk/>
            <pc:sldMk cId="4016286571" sldId="305"/>
            <ac:spMk id="7" creationId="{FA8ED6D3-E25D-803F-F748-A114FD622AC8}"/>
          </ac:spMkLst>
        </pc:spChg>
        <pc:spChg chg="mod">
          <ac:chgData name="Weise, JanaLea" userId="12609bf0-98b9-4b6b-bb54-7237c71eeea2" providerId="ADAL" clId="{684CF541-0FE6-4DF4-9A26-B3BA80747E15}" dt="2023-01-19T13:04:27.272" v="152"/>
          <ac:spMkLst>
            <pc:docMk/>
            <pc:sldMk cId="4016286571" sldId="305"/>
            <ac:spMk id="8" creationId="{CDAA8D8B-FC99-3B03-E666-E677F76B9832}"/>
          </ac:spMkLst>
        </pc:spChg>
        <pc:spChg chg="mod">
          <ac:chgData name="Weise, JanaLea" userId="12609bf0-98b9-4b6b-bb54-7237c71eeea2" providerId="ADAL" clId="{684CF541-0FE6-4DF4-9A26-B3BA80747E15}" dt="2023-01-19T13:04:27.272" v="152"/>
          <ac:spMkLst>
            <pc:docMk/>
            <pc:sldMk cId="4016286571" sldId="305"/>
            <ac:spMk id="10" creationId="{1C82F47D-7CA5-9A7A-21E0-FCF0637FC091}"/>
          </ac:spMkLst>
        </pc:spChg>
        <pc:spChg chg="mod">
          <ac:chgData name="Weise, JanaLea" userId="12609bf0-98b9-4b6b-bb54-7237c71eeea2" providerId="ADAL" clId="{684CF541-0FE6-4DF4-9A26-B3BA80747E15}" dt="2023-01-19T13:04:27.272" v="152"/>
          <ac:spMkLst>
            <pc:docMk/>
            <pc:sldMk cId="4016286571" sldId="305"/>
            <ac:spMk id="11" creationId="{70449E32-661F-F6B0-7033-BDFD2443206E}"/>
          </ac:spMkLst>
        </pc:spChg>
        <pc:spChg chg="mod">
          <ac:chgData name="Weise, JanaLea" userId="12609bf0-98b9-4b6b-bb54-7237c71eeea2" providerId="ADAL" clId="{684CF541-0FE6-4DF4-9A26-B3BA80747E15}" dt="2023-01-19T13:04:27.272" v="152"/>
          <ac:spMkLst>
            <pc:docMk/>
            <pc:sldMk cId="4016286571" sldId="305"/>
            <ac:spMk id="12" creationId="{199DAE3B-6B33-CD48-1A1F-28D5A4E7AE3D}"/>
          </ac:spMkLst>
        </pc:spChg>
        <pc:spChg chg="mod">
          <ac:chgData name="Weise, JanaLea" userId="12609bf0-98b9-4b6b-bb54-7237c71eeea2" providerId="ADAL" clId="{684CF541-0FE6-4DF4-9A26-B3BA80747E15}" dt="2023-01-19T13:04:27.272" v="152"/>
          <ac:spMkLst>
            <pc:docMk/>
            <pc:sldMk cId="4016286571" sldId="305"/>
            <ac:spMk id="13" creationId="{D6B9C4C1-939C-59C2-F744-7EBDDD9799D0}"/>
          </ac:spMkLst>
        </pc:spChg>
        <pc:spChg chg="mod">
          <ac:chgData name="Weise, JanaLea" userId="12609bf0-98b9-4b6b-bb54-7237c71eeea2" providerId="ADAL" clId="{684CF541-0FE6-4DF4-9A26-B3BA80747E15}" dt="2023-01-19T13:04:27.272" v="152"/>
          <ac:spMkLst>
            <pc:docMk/>
            <pc:sldMk cId="4016286571" sldId="305"/>
            <ac:spMk id="14" creationId="{5EFDEC1F-0FD2-26F7-56B9-A9FB44E06833}"/>
          </ac:spMkLst>
        </pc:spChg>
        <pc:spChg chg="mod">
          <ac:chgData name="Weise, JanaLea" userId="12609bf0-98b9-4b6b-bb54-7237c71eeea2" providerId="ADAL" clId="{684CF541-0FE6-4DF4-9A26-B3BA80747E15}" dt="2023-01-19T13:04:27.272" v="152"/>
          <ac:spMkLst>
            <pc:docMk/>
            <pc:sldMk cId="4016286571" sldId="305"/>
            <ac:spMk id="15" creationId="{39BCBF54-19D3-3D8E-7754-74DBDEBE03C9}"/>
          </ac:spMkLst>
        </pc:spChg>
        <pc:grpChg chg="add mod">
          <ac:chgData name="Weise, JanaLea" userId="12609bf0-98b9-4b6b-bb54-7237c71eeea2" providerId="ADAL" clId="{684CF541-0FE6-4DF4-9A26-B3BA80747E15}" dt="2023-01-19T13:04:27.272" v="152"/>
          <ac:grpSpMkLst>
            <pc:docMk/>
            <pc:sldMk cId="4016286571" sldId="305"/>
            <ac:grpSpMk id="2" creationId="{3C544C4B-5170-D4F9-6B42-9F768246E739}"/>
          </ac:grpSpMkLst>
        </pc:grpChg>
        <pc:grpChg chg="add mod">
          <ac:chgData name="Weise, JanaLea" userId="12609bf0-98b9-4b6b-bb54-7237c71eeea2" providerId="ADAL" clId="{684CF541-0FE6-4DF4-9A26-B3BA80747E15}" dt="2023-01-19T13:04:27.272" v="152"/>
          <ac:grpSpMkLst>
            <pc:docMk/>
            <pc:sldMk cId="4016286571" sldId="305"/>
            <ac:grpSpMk id="9" creationId="{2702D63C-4A07-77C9-9EA0-6E3B15677BE8}"/>
          </ac:grpSpMkLst>
        </pc:grpChg>
      </pc:sldChg>
      <pc:sldChg chg="addSp delSp modSp add del mod ord">
        <pc:chgData name="Weise, JanaLea" userId="12609bf0-98b9-4b6b-bb54-7237c71eeea2" providerId="ADAL" clId="{684CF541-0FE6-4DF4-9A26-B3BA80747E15}" dt="2023-01-19T13:04:35.852" v="268" actId="2890"/>
        <pc:sldMkLst>
          <pc:docMk/>
          <pc:sldMk cId="525835484" sldId="306"/>
        </pc:sldMkLst>
        <pc:spChg chg="mod modVis">
          <ac:chgData name="Weise, JanaLea" userId="12609bf0-98b9-4b6b-bb54-7237c71eeea2" providerId="ADAL" clId="{684CF541-0FE6-4DF4-9A26-B3BA80747E15}" dt="2023-01-19T13:04:35.826" v="244" actId="20577"/>
          <ac:spMkLst>
            <pc:docMk/>
            <pc:sldMk cId="525835484" sldId="306"/>
            <ac:spMk id="17" creationId="{FCEA3B99-AAFF-1D71-3C8A-F23D6D5D41B7}"/>
          </ac:spMkLst>
        </pc:spChg>
        <pc:spChg chg="mod modVis">
          <ac:chgData name="Weise, JanaLea" userId="12609bf0-98b9-4b6b-bb54-7237c71eeea2" providerId="ADAL" clId="{684CF541-0FE6-4DF4-9A26-B3BA80747E15}" dt="2023-01-19T13:04:35.826" v="245" actId="20577"/>
          <ac:spMkLst>
            <pc:docMk/>
            <pc:sldMk cId="525835484" sldId="306"/>
            <ac:spMk id="18" creationId="{E33D77C8-AA0B-4054-A800-FD4B96A8130E}"/>
          </ac:spMkLst>
        </pc:spChg>
        <pc:spChg chg="mod modVis">
          <ac:chgData name="Weise, JanaLea" userId="12609bf0-98b9-4b6b-bb54-7237c71eeea2" providerId="ADAL" clId="{684CF541-0FE6-4DF4-9A26-B3BA80747E15}" dt="2023-01-19T13:04:35.826" v="243" actId="20577"/>
          <ac:spMkLst>
            <pc:docMk/>
            <pc:sldMk cId="525835484" sldId="306"/>
            <ac:spMk id="19" creationId="{A5C06625-B8CB-2219-2B4D-49A46EA33C9C}"/>
          </ac:spMkLst>
        </pc:spChg>
        <pc:spChg chg="add del mod modVis">
          <ac:chgData name="Weise, JanaLea" userId="12609bf0-98b9-4b6b-bb54-7237c71eeea2" providerId="ADAL" clId="{684CF541-0FE6-4DF4-9A26-B3BA80747E15}" dt="2023-01-19T13:04:35.818" v="236" actId="962"/>
          <ac:spMkLst>
            <pc:docMk/>
            <pc:sldMk cId="525835484" sldId="306"/>
            <ac:spMk id="20" creationId="{04B1B51E-2591-01BA-1C39-B9451397E44D}"/>
          </ac:spMkLst>
        </pc:spChg>
        <pc:spChg chg="add del mod modVis">
          <ac:chgData name="Weise, JanaLea" userId="12609bf0-98b9-4b6b-bb54-7237c71eeea2" providerId="ADAL" clId="{684CF541-0FE6-4DF4-9A26-B3BA80747E15}" dt="2023-01-19T13:04:35.818" v="235" actId="962"/>
          <ac:spMkLst>
            <pc:docMk/>
            <pc:sldMk cId="525835484" sldId="306"/>
            <ac:spMk id="21" creationId="{A055C614-AE9C-F5CF-EC7E-294E431FAEE7}"/>
          </ac:spMkLst>
        </pc:spChg>
        <pc:spChg chg="add del mod modVis">
          <ac:chgData name="Weise, JanaLea" userId="12609bf0-98b9-4b6b-bb54-7237c71eeea2" providerId="ADAL" clId="{684CF541-0FE6-4DF4-9A26-B3BA80747E15}" dt="2023-01-19T13:04:35.818" v="234" actId="962"/>
          <ac:spMkLst>
            <pc:docMk/>
            <pc:sldMk cId="525835484" sldId="306"/>
            <ac:spMk id="22" creationId="{7AF6F7B5-F0E5-1169-5704-44855C3A0F5E}"/>
          </ac:spMkLst>
        </pc:spChg>
        <pc:grpChg chg="add del">
          <ac:chgData name="Weise, JanaLea" userId="12609bf0-98b9-4b6b-bb54-7237c71eeea2" providerId="ADAL" clId="{684CF541-0FE6-4DF4-9A26-B3BA80747E15}" dt="2023-01-19T13:04:35.812" v="230" actId="478"/>
          <ac:grpSpMkLst>
            <pc:docMk/>
            <pc:sldMk cId="525835484" sldId="306"/>
            <ac:grpSpMk id="2" creationId="{3C544C4B-5170-D4F9-6B42-9F768246E739}"/>
          </ac:grpSpMkLst>
        </pc:grpChg>
        <pc:grpChg chg="add del">
          <ac:chgData name="Weise, JanaLea" userId="12609bf0-98b9-4b6b-bb54-7237c71eeea2" providerId="ADAL" clId="{684CF541-0FE6-4DF4-9A26-B3BA80747E15}" dt="2023-01-19T13:04:35.812" v="229" actId="478"/>
          <ac:grpSpMkLst>
            <pc:docMk/>
            <pc:sldMk cId="525835484" sldId="306"/>
            <ac:grpSpMk id="9" creationId="{2702D63C-4A07-77C9-9EA0-6E3B15677BE8}"/>
          </ac:grpSpMkLst>
        </pc:grpChg>
        <pc:grpChg chg="add mod modVis">
          <ac:chgData name="Weise, JanaLea" userId="12609bf0-98b9-4b6b-bb54-7237c71eeea2" providerId="ADAL" clId="{684CF541-0FE6-4DF4-9A26-B3BA80747E15}" dt="2023-01-19T13:04:35.818" v="242" actId="1076"/>
          <ac:grpSpMkLst>
            <pc:docMk/>
            <pc:sldMk cId="525835484" sldId="306"/>
            <ac:grpSpMk id="16" creationId="{8C2601A1-4AFA-604E-C228-48DECB0D9340}"/>
          </ac:grpSpMkLst>
        </pc:grpChg>
      </pc:sldChg>
      <pc:sldChg chg="modSp mod">
        <pc:chgData name="Weise, JanaLea" userId="12609bf0-98b9-4b6b-bb54-7237c71eeea2" providerId="ADAL" clId="{684CF541-0FE6-4DF4-9A26-B3BA80747E15}" dt="2023-01-25T12:49:07.814" v="2254" actId="14100"/>
        <pc:sldMkLst>
          <pc:docMk/>
          <pc:sldMk cId="1328112424" sldId="306"/>
        </pc:sldMkLst>
        <pc:spChg chg="mod">
          <ac:chgData name="Weise, JanaLea" userId="12609bf0-98b9-4b6b-bb54-7237c71eeea2" providerId="ADAL" clId="{684CF541-0FE6-4DF4-9A26-B3BA80747E15}" dt="2023-01-23T14:00:07.405" v="1289" actId="20577"/>
          <ac:spMkLst>
            <pc:docMk/>
            <pc:sldMk cId="1328112424" sldId="306"/>
            <ac:spMk id="2" creationId="{9A78A7D5-403E-4A0B-9590-A55A34D0A849}"/>
          </ac:spMkLst>
        </pc:spChg>
        <pc:spChg chg="mod">
          <ac:chgData name="Weise, JanaLea" userId="12609bf0-98b9-4b6b-bb54-7237c71eeea2" providerId="ADAL" clId="{684CF541-0FE6-4DF4-9A26-B3BA80747E15}" dt="2023-01-25T12:49:07.814" v="2254" actId="14100"/>
          <ac:spMkLst>
            <pc:docMk/>
            <pc:sldMk cId="1328112424" sldId="306"/>
            <ac:spMk id="21" creationId="{DECB8507-1AEC-4FB0-8CEB-726313BEB7F8}"/>
          </ac:spMkLst>
        </pc:spChg>
      </pc:sldChg>
      <pc:sldChg chg="addSp delSp modSp mod delAnim modAnim">
        <pc:chgData name="Weise, JanaLea" userId="12609bf0-98b9-4b6b-bb54-7237c71eeea2" providerId="ADAL" clId="{684CF541-0FE6-4DF4-9A26-B3BA80747E15}" dt="2023-01-24T08:16:28.766" v="1623" actId="1076"/>
        <pc:sldMkLst>
          <pc:docMk/>
          <pc:sldMk cId="2411013999" sldId="307"/>
        </pc:sldMkLst>
        <pc:spChg chg="del mod">
          <ac:chgData name="Weise, JanaLea" userId="12609bf0-98b9-4b6b-bb54-7237c71eeea2" providerId="ADAL" clId="{684CF541-0FE6-4DF4-9A26-B3BA80747E15}" dt="2023-01-24T08:07:55.861" v="1492" actId="931"/>
          <ac:spMkLst>
            <pc:docMk/>
            <pc:sldMk cId="2411013999" sldId="307"/>
            <ac:spMk id="6" creationId="{94084D63-1918-49FC-843E-81310F184078}"/>
          </ac:spMkLst>
        </pc:spChg>
        <pc:spChg chg="mod">
          <ac:chgData name="Weise, JanaLea" userId="12609bf0-98b9-4b6b-bb54-7237c71eeea2" providerId="ADAL" clId="{684CF541-0FE6-4DF4-9A26-B3BA80747E15}" dt="2023-01-24T08:16:18.359" v="1622" actId="1076"/>
          <ac:spMkLst>
            <pc:docMk/>
            <pc:sldMk cId="2411013999" sldId="307"/>
            <ac:spMk id="9" creationId="{A52790F3-EC44-488A-929C-E84A7D5DC017}"/>
          </ac:spMkLst>
        </pc:spChg>
        <pc:spChg chg="mod">
          <ac:chgData name="Weise, JanaLea" userId="12609bf0-98b9-4b6b-bb54-7237c71eeea2" providerId="ADAL" clId="{684CF541-0FE6-4DF4-9A26-B3BA80747E15}" dt="2023-01-24T08:16:18.359" v="1622" actId="1076"/>
          <ac:spMkLst>
            <pc:docMk/>
            <pc:sldMk cId="2411013999" sldId="307"/>
            <ac:spMk id="10" creationId="{21AFC861-D4B0-4430-8BE2-302CE4CE1F9F}"/>
          </ac:spMkLst>
        </pc:spChg>
        <pc:spChg chg="del mod">
          <ac:chgData name="Weise, JanaLea" userId="12609bf0-98b9-4b6b-bb54-7237c71eeea2" providerId="ADAL" clId="{684CF541-0FE6-4DF4-9A26-B3BA80747E15}" dt="2023-01-24T08:10:44.109" v="1541" actId="478"/>
          <ac:spMkLst>
            <pc:docMk/>
            <pc:sldMk cId="2411013999" sldId="307"/>
            <ac:spMk id="11" creationId="{B33A5DA6-8891-4B51-ACB8-5DB95290F75C}"/>
          </ac:spMkLst>
        </pc:spChg>
        <pc:spChg chg="mod">
          <ac:chgData name="Weise, JanaLea" userId="12609bf0-98b9-4b6b-bb54-7237c71eeea2" providerId="ADAL" clId="{684CF541-0FE6-4DF4-9A26-B3BA80747E15}" dt="2023-01-24T08:13:20.745" v="1589" actId="1076"/>
          <ac:spMkLst>
            <pc:docMk/>
            <pc:sldMk cId="2411013999" sldId="307"/>
            <ac:spMk id="12" creationId="{C0522C3A-E20A-4327-B414-9BA550984468}"/>
          </ac:spMkLst>
        </pc:spChg>
        <pc:spChg chg="del mod">
          <ac:chgData name="Weise, JanaLea" userId="12609bf0-98b9-4b6b-bb54-7237c71eeea2" providerId="ADAL" clId="{684CF541-0FE6-4DF4-9A26-B3BA80747E15}" dt="2023-01-24T08:09:01.171" v="1519" actId="478"/>
          <ac:spMkLst>
            <pc:docMk/>
            <pc:sldMk cId="2411013999" sldId="307"/>
            <ac:spMk id="13" creationId="{44C8E6E9-B3C1-4034-8F95-1377F8AE88F2}"/>
          </ac:spMkLst>
        </pc:spChg>
        <pc:spChg chg="mod">
          <ac:chgData name="Weise, JanaLea" userId="12609bf0-98b9-4b6b-bb54-7237c71eeea2" providerId="ADAL" clId="{684CF541-0FE6-4DF4-9A26-B3BA80747E15}" dt="2023-01-24T08:16:28.766" v="1623" actId="1076"/>
          <ac:spMkLst>
            <pc:docMk/>
            <pc:sldMk cId="2411013999" sldId="307"/>
            <ac:spMk id="14" creationId="{4269C2E9-D5B4-4D02-A7B7-88C123FA0014}"/>
          </ac:spMkLst>
        </pc:spChg>
        <pc:spChg chg="del mod">
          <ac:chgData name="Weise, JanaLea" userId="12609bf0-98b9-4b6b-bb54-7237c71eeea2" providerId="ADAL" clId="{684CF541-0FE6-4DF4-9A26-B3BA80747E15}" dt="2023-01-24T08:10:27.338" v="1535" actId="478"/>
          <ac:spMkLst>
            <pc:docMk/>
            <pc:sldMk cId="2411013999" sldId="307"/>
            <ac:spMk id="15" creationId="{8BFD0D3A-2C7B-449F-9B44-32447549922D}"/>
          </ac:spMkLst>
        </pc:spChg>
        <pc:spChg chg="del mod">
          <ac:chgData name="Weise, JanaLea" userId="12609bf0-98b9-4b6b-bb54-7237c71eeea2" providerId="ADAL" clId="{684CF541-0FE6-4DF4-9A26-B3BA80747E15}" dt="2023-01-24T08:15:54.911" v="1619" actId="478"/>
          <ac:spMkLst>
            <pc:docMk/>
            <pc:sldMk cId="2411013999" sldId="307"/>
            <ac:spMk id="16" creationId="{68E90371-B592-495B-BFDD-8315D325DE55}"/>
          </ac:spMkLst>
        </pc:spChg>
        <pc:spChg chg="del mod">
          <ac:chgData name="Weise, JanaLea" userId="12609bf0-98b9-4b6b-bb54-7237c71eeea2" providerId="ADAL" clId="{684CF541-0FE6-4DF4-9A26-B3BA80747E15}" dt="2023-01-24T08:08:40.266" v="1516" actId="478"/>
          <ac:spMkLst>
            <pc:docMk/>
            <pc:sldMk cId="2411013999" sldId="307"/>
            <ac:spMk id="17" creationId="{E4D38B2B-6C19-4F00-9784-62C2EA630762}"/>
          </ac:spMkLst>
        </pc:spChg>
        <pc:spChg chg="add del mod ord">
          <ac:chgData name="Weise, JanaLea" userId="12609bf0-98b9-4b6b-bb54-7237c71eeea2" providerId="ADAL" clId="{684CF541-0FE6-4DF4-9A26-B3BA80747E15}" dt="2023-01-24T08:14:39.857" v="1597" actId="1076"/>
          <ac:spMkLst>
            <pc:docMk/>
            <pc:sldMk cId="2411013999" sldId="307"/>
            <ac:spMk id="23" creationId="{55FC7A48-F4F6-36C5-A082-6A76F6613E10}"/>
          </ac:spMkLst>
        </pc:spChg>
        <pc:spChg chg="add del mod">
          <ac:chgData name="Weise, JanaLea" userId="12609bf0-98b9-4b6b-bb54-7237c71eeea2" providerId="ADAL" clId="{684CF541-0FE6-4DF4-9A26-B3BA80747E15}" dt="2023-01-24T08:10:22.808" v="1533" actId="478"/>
          <ac:spMkLst>
            <pc:docMk/>
            <pc:sldMk cId="2411013999" sldId="307"/>
            <ac:spMk id="25" creationId="{A765A67D-D470-FE5B-7AB0-1501550AAA8D}"/>
          </ac:spMkLst>
        </pc:spChg>
        <pc:spChg chg="add mod">
          <ac:chgData name="Weise, JanaLea" userId="12609bf0-98b9-4b6b-bb54-7237c71eeea2" providerId="ADAL" clId="{684CF541-0FE6-4DF4-9A26-B3BA80747E15}" dt="2023-01-24T08:14:35.806" v="1595" actId="207"/>
          <ac:spMkLst>
            <pc:docMk/>
            <pc:sldMk cId="2411013999" sldId="307"/>
            <ac:spMk id="26" creationId="{5A95E53A-D8EC-66CD-BAE8-66D4F8BA1B18}"/>
          </ac:spMkLst>
        </pc:spChg>
        <pc:spChg chg="add mod">
          <ac:chgData name="Weise, JanaLea" userId="12609bf0-98b9-4b6b-bb54-7237c71eeea2" providerId="ADAL" clId="{684CF541-0FE6-4DF4-9A26-B3BA80747E15}" dt="2023-01-24T08:16:28.766" v="1623" actId="1076"/>
          <ac:spMkLst>
            <pc:docMk/>
            <pc:sldMk cId="2411013999" sldId="307"/>
            <ac:spMk id="27" creationId="{3DCDC2B6-B460-CC2F-ECDF-BFC18DA6EA86}"/>
          </ac:spMkLst>
        </pc:spChg>
        <pc:picChg chg="add del mod">
          <ac:chgData name="Weise, JanaLea" userId="12609bf0-98b9-4b6b-bb54-7237c71eeea2" providerId="ADAL" clId="{684CF541-0FE6-4DF4-9A26-B3BA80747E15}" dt="2023-01-24T08:10:18.873" v="1532" actId="478"/>
          <ac:picMkLst>
            <pc:docMk/>
            <pc:sldMk cId="2411013999" sldId="307"/>
            <ac:picMk id="7" creationId="{0F3FD0BF-F212-5572-2179-FA46B31D9054}"/>
          </ac:picMkLst>
        </pc:picChg>
        <pc:picChg chg="add mod">
          <ac:chgData name="Weise, JanaLea" userId="12609bf0-98b9-4b6b-bb54-7237c71eeea2" providerId="ADAL" clId="{684CF541-0FE6-4DF4-9A26-B3BA80747E15}" dt="2023-01-24T08:16:28.766" v="1623" actId="1076"/>
          <ac:picMkLst>
            <pc:docMk/>
            <pc:sldMk cId="2411013999" sldId="307"/>
            <ac:picMk id="18" creationId="{EE7B4258-A131-4C62-225F-C7A0DE32C6EB}"/>
          </ac:picMkLst>
        </pc:picChg>
        <pc:picChg chg="add del mod">
          <ac:chgData name="Weise, JanaLea" userId="12609bf0-98b9-4b6b-bb54-7237c71eeea2" providerId="ADAL" clId="{684CF541-0FE6-4DF4-9A26-B3BA80747E15}" dt="2023-01-24T08:10:06.642" v="1530" actId="478"/>
          <ac:picMkLst>
            <pc:docMk/>
            <pc:sldMk cId="2411013999" sldId="307"/>
            <ac:picMk id="20" creationId="{086C0A85-829A-1F27-83FB-E7E4D8564EB9}"/>
          </ac:picMkLst>
        </pc:picChg>
        <pc:picChg chg="add mod">
          <ac:chgData name="Weise, JanaLea" userId="12609bf0-98b9-4b6b-bb54-7237c71eeea2" providerId="ADAL" clId="{684CF541-0FE6-4DF4-9A26-B3BA80747E15}" dt="2023-01-24T08:11:36.980" v="1555" actId="1076"/>
          <ac:picMkLst>
            <pc:docMk/>
            <pc:sldMk cId="2411013999" sldId="307"/>
            <ac:picMk id="22" creationId="{F665F0F1-74B4-4616-7798-ABC288E111B4}"/>
          </ac:picMkLst>
        </pc:picChg>
        <pc:picChg chg="add mod">
          <ac:chgData name="Weise, JanaLea" userId="12609bf0-98b9-4b6b-bb54-7237c71eeea2" providerId="ADAL" clId="{684CF541-0FE6-4DF4-9A26-B3BA80747E15}" dt="2023-01-24T08:16:18.359" v="1622" actId="1076"/>
          <ac:picMkLst>
            <pc:docMk/>
            <pc:sldMk cId="2411013999" sldId="307"/>
            <ac:picMk id="29" creationId="{2B453FC3-9C7C-11FE-0066-BBFA579D2D62}"/>
          </ac:picMkLst>
        </pc:picChg>
      </pc:sldChg>
      <pc:sldChg chg="del">
        <pc:chgData name="Weise, JanaLea" userId="12609bf0-98b9-4b6b-bb54-7237c71eeea2" providerId="ADAL" clId="{684CF541-0FE6-4DF4-9A26-B3BA80747E15}" dt="2023-01-23T14:29:10.333" v="1429" actId="47"/>
        <pc:sldMkLst>
          <pc:docMk/>
          <pc:sldMk cId="4186795486" sldId="308"/>
        </pc:sldMkLst>
      </pc:sldChg>
      <pc:sldChg chg="addSp delSp modSp add mod">
        <pc:chgData name="Weise, JanaLea" userId="12609bf0-98b9-4b6b-bb54-7237c71eeea2" providerId="ADAL" clId="{684CF541-0FE6-4DF4-9A26-B3BA80747E15}" dt="2023-01-24T08:17:48.274" v="1629" actId="1076"/>
        <pc:sldMkLst>
          <pc:docMk/>
          <pc:sldMk cId="4286632193" sldId="309"/>
        </pc:sldMkLst>
        <pc:spChg chg="mod">
          <ac:chgData name="Weise, JanaLea" userId="12609bf0-98b9-4b6b-bb54-7237c71eeea2" providerId="ADAL" clId="{684CF541-0FE6-4DF4-9A26-B3BA80747E15}" dt="2023-01-24T08:17:48.274" v="1629" actId="1076"/>
          <ac:spMkLst>
            <pc:docMk/>
            <pc:sldMk cId="4286632193" sldId="309"/>
            <ac:spMk id="15" creationId="{A1F7657F-4C9B-49F7-8A95-6FF85501FBCD}"/>
          </ac:spMkLst>
        </pc:spChg>
        <pc:picChg chg="add mod ord">
          <ac:chgData name="Weise, JanaLea" userId="12609bf0-98b9-4b6b-bb54-7237c71eeea2" providerId="ADAL" clId="{684CF541-0FE6-4DF4-9A26-B3BA80747E15}" dt="2023-01-23T13:49:49.797" v="1165" actId="171"/>
          <ac:picMkLst>
            <pc:docMk/>
            <pc:sldMk cId="4286632193" sldId="309"/>
            <ac:picMk id="3" creationId="{5A444C74-E20B-522E-DA07-4325D22F4488}"/>
          </ac:picMkLst>
        </pc:picChg>
        <pc:picChg chg="del">
          <ac:chgData name="Weise, JanaLea" userId="12609bf0-98b9-4b6b-bb54-7237c71eeea2" providerId="ADAL" clId="{684CF541-0FE6-4DF4-9A26-B3BA80747E15}" dt="2023-01-23T13:49:24.520" v="1158" actId="478"/>
          <ac:picMkLst>
            <pc:docMk/>
            <pc:sldMk cId="4286632193" sldId="309"/>
            <ac:picMk id="5" creationId="{F4969135-9D78-469E-9CE7-2970BCC21284}"/>
          </ac:picMkLst>
        </pc:picChg>
        <pc:picChg chg="add mod ord modCrop">
          <ac:chgData name="Weise, JanaLea" userId="12609bf0-98b9-4b6b-bb54-7237c71eeea2" providerId="ADAL" clId="{684CF541-0FE6-4DF4-9A26-B3BA80747E15}" dt="2023-01-23T13:52:11.793" v="1203" actId="732"/>
          <ac:picMkLst>
            <pc:docMk/>
            <pc:sldMk cId="4286632193" sldId="309"/>
            <ac:picMk id="6" creationId="{D9FB8647-91B3-C40B-E152-7D26E3A48A43}"/>
          </ac:picMkLst>
        </pc:picChg>
        <pc:picChg chg="del">
          <ac:chgData name="Weise, JanaLea" userId="12609bf0-98b9-4b6b-bb54-7237c71eeea2" providerId="ADAL" clId="{684CF541-0FE6-4DF4-9A26-B3BA80747E15}" dt="2023-01-23T13:50:34.821" v="1175" actId="478"/>
          <ac:picMkLst>
            <pc:docMk/>
            <pc:sldMk cId="4286632193" sldId="309"/>
            <ac:picMk id="7" creationId="{F6358693-4998-4CB0-9890-E57B1EF66F31}"/>
          </ac:picMkLst>
        </pc:picChg>
        <pc:picChg chg="del">
          <ac:chgData name="Weise, JanaLea" userId="12609bf0-98b9-4b6b-bb54-7237c71eeea2" providerId="ADAL" clId="{684CF541-0FE6-4DF4-9A26-B3BA80747E15}" dt="2023-01-23T13:49:59.344" v="1166" actId="478"/>
          <ac:picMkLst>
            <pc:docMk/>
            <pc:sldMk cId="4286632193" sldId="309"/>
            <ac:picMk id="9" creationId="{7096BD41-3E97-433B-9CF4-C2BBF0D86037}"/>
          </ac:picMkLst>
        </pc:picChg>
        <pc:picChg chg="add mod ord modCrop">
          <ac:chgData name="Weise, JanaLea" userId="12609bf0-98b9-4b6b-bb54-7237c71eeea2" providerId="ADAL" clId="{684CF541-0FE6-4DF4-9A26-B3BA80747E15}" dt="2023-01-23T13:58:52.877" v="1268" actId="732"/>
          <ac:picMkLst>
            <pc:docMk/>
            <pc:sldMk cId="4286632193" sldId="309"/>
            <ac:picMk id="10" creationId="{6EC53E86-BDBC-00C8-B20F-83E27FD0D27A}"/>
          </ac:picMkLst>
        </pc:picChg>
        <pc:picChg chg="del">
          <ac:chgData name="Weise, JanaLea" userId="12609bf0-98b9-4b6b-bb54-7237c71eeea2" providerId="ADAL" clId="{684CF541-0FE6-4DF4-9A26-B3BA80747E15}" dt="2023-01-23T13:51:08.554" v="1186" actId="478"/>
          <ac:picMkLst>
            <pc:docMk/>
            <pc:sldMk cId="4286632193" sldId="309"/>
            <ac:picMk id="11" creationId="{29F33D8C-0556-43BC-9FE0-7B6FAA33002B}"/>
          </ac:picMkLst>
        </pc:picChg>
        <pc:picChg chg="add mod ord modCrop">
          <ac:chgData name="Weise, JanaLea" userId="12609bf0-98b9-4b6b-bb54-7237c71eeea2" providerId="ADAL" clId="{684CF541-0FE6-4DF4-9A26-B3BA80747E15}" dt="2023-01-23T13:58:57.822" v="1269" actId="732"/>
          <ac:picMkLst>
            <pc:docMk/>
            <pc:sldMk cId="4286632193" sldId="309"/>
            <ac:picMk id="13" creationId="{F4FDCDC8-8699-BF4F-821F-36D38DA2F2AA}"/>
          </ac:picMkLst>
        </pc:picChg>
      </pc:sldChg>
      <pc:sldChg chg="addSp delSp modSp add mod">
        <pc:chgData name="Weise, JanaLea" userId="12609bf0-98b9-4b6b-bb54-7237c71eeea2" providerId="ADAL" clId="{684CF541-0FE6-4DF4-9A26-B3BA80747E15}" dt="2023-01-23T13:58:15.285" v="1264" actId="207"/>
        <pc:sldMkLst>
          <pc:docMk/>
          <pc:sldMk cId="3169480417" sldId="310"/>
        </pc:sldMkLst>
        <pc:spChg chg="add mod ord">
          <ac:chgData name="Weise, JanaLea" userId="12609bf0-98b9-4b6b-bb54-7237c71eeea2" providerId="ADAL" clId="{684CF541-0FE6-4DF4-9A26-B3BA80747E15}" dt="2023-01-23T13:58:15.285" v="1264" actId="207"/>
          <ac:spMkLst>
            <pc:docMk/>
            <pc:sldMk cId="3169480417" sldId="310"/>
            <ac:spMk id="8" creationId="{EA2E8AD6-0829-9220-48FE-5005D57260D2}"/>
          </ac:spMkLst>
        </pc:spChg>
        <pc:picChg chg="add del mod ord modCrop">
          <ac:chgData name="Weise, JanaLea" userId="12609bf0-98b9-4b6b-bb54-7237c71eeea2" providerId="ADAL" clId="{684CF541-0FE6-4DF4-9A26-B3BA80747E15}" dt="2023-01-23T13:55:39.254" v="1238" actId="478"/>
          <ac:picMkLst>
            <pc:docMk/>
            <pc:sldMk cId="3169480417" sldId="310"/>
            <ac:picMk id="3" creationId="{DE0038A0-766B-9C27-F815-9657DD3B51AD}"/>
          </ac:picMkLst>
        </pc:picChg>
        <pc:picChg chg="del">
          <ac:chgData name="Weise, JanaLea" userId="12609bf0-98b9-4b6b-bb54-7237c71eeea2" providerId="ADAL" clId="{684CF541-0FE6-4DF4-9A26-B3BA80747E15}" dt="2023-01-23T13:52:57.667" v="1210" actId="478"/>
          <ac:picMkLst>
            <pc:docMk/>
            <pc:sldMk cId="3169480417" sldId="310"/>
            <ac:picMk id="5" creationId="{E1A3C809-42C2-4A81-9A8F-8713AAE2D7F5}"/>
          </ac:picMkLst>
        </pc:picChg>
        <pc:picChg chg="mod ord">
          <ac:chgData name="Weise, JanaLea" userId="12609bf0-98b9-4b6b-bb54-7237c71eeea2" providerId="ADAL" clId="{684CF541-0FE6-4DF4-9A26-B3BA80747E15}" dt="2023-01-23T13:54:55.877" v="1236" actId="1076"/>
          <ac:picMkLst>
            <pc:docMk/>
            <pc:sldMk cId="3169480417" sldId="310"/>
            <ac:picMk id="6" creationId="{14D85AD2-0240-4DCD-A036-BD73CA3BD33C}"/>
          </ac:picMkLst>
        </pc:picChg>
        <pc:picChg chg="add mod ord modCrop">
          <ac:chgData name="Weise, JanaLea" userId="12609bf0-98b9-4b6b-bb54-7237c71eeea2" providerId="ADAL" clId="{684CF541-0FE6-4DF4-9A26-B3BA80747E15}" dt="2023-01-23T13:56:20.545" v="1255" actId="171"/>
          <ac:picMkLst>
            <pc:docMk/>
            <pc:sldMk cId="3169480417" sldId="310"/>
            <ac:picMk id="7" creationId="{5BBA0C36-3BBA-0421-FF5F-B27FFEF42A36}"/>
          </ac:picMkLst>
        </pc:picChg>
      </pc:sldChg>
      <pc:sldChg chg="modSp mod">
        <pc:chgData name="Weise, JanaLea" userId="12609bf0-98b9-4b6b-bb54-7237c71eeea2" providerId="ADAL" clId="{684CF541-0FE6-4DF4-9A26-B3BA80747E15}" dt="2023-01-24T08:00:18.247" v="1448" actId="1076"/>
        <pc:sldMkLst>
          <pc:docMk/>
          <pc:sldMk cId="2022307411" sldId="311"/>
        </pc:sldMkLst>
        <pc:spChg chg="mod">
          <ac:chgData name="Weise, JanaLea" userId="12609bf0-98b9-4b6b-bb54-7237c71eeea2" providerId="ADAL" clId="{684CF541-0FE6-4DF4-9A26-B3BA80747E15}" dt="2023-01-24T08:00:18.247" v="1448" actId="1076"/>
          <ac:spMkLst>
            <pc:docMk/>
            <pc:sldMk cId="2022307411" sldId="311"/>
            <ac:spMk id="5" creationId="{EB168DA6-6895-400A-8CEE-0AEC1DE1E3B0}"/>
          </ac:spMkLst>
        </pc:spChg>
      </pc:sldChg>
      <pc:sldChg chg="add del">
        <pc:chgData name="Weise, JanaLea" userId="12609bf0-98b9-4b6b-bb54-7237c71eeea2" providerId="ADAL" clId="{684CF541-0FE6-4DF4-9A26-B3BA80747E15}" dt="2023-01-23T13:53:01.053" v="1212"/>
        <pc:sldMkLst>
          <pc:docMk/>
          <pc:sldMk cId="3028393453" sldId="311"/>
        </pc:sldMkLst>
      </pc:sldChg>
      <pc:sldChg chg="modSp mod">
        <pc:chgData name="Weise, JanaLea" userId="12609bf0-98b9-4b6b-bb54-7237c71eeea2" providerId="ADAL" clId="{684CF541-0FE6-4DF4-9A26-B3BA80747E15}" dt="2023-01-24T08:00:47.950" v="1449" actId="255"/>
        <pc:sldMkLst>
          <pc:docMk/>
          <pc:sldMk cId="3995109941" sldId="312"/>
        </pc:sldMkLst>
        <pc:spChg chg="mod">
          <ac:chgData name="Weise, JanaLea" userId="12609bf0-98b9-4b6b-bb54-7237c71eeea2" providerId="ADAL" clId="{684CF541-0FE6-4DF4-9A26-B3BA80747E15}" dt="2023-01-24T08:00:47.950" v="1449" actId="255"/>
          <ac:spMkLst>
            <pc:docMk/>
            <pc:sldMk cId="3995109941" sldId="312"/>
            <ac:spMk id="5" creationId="{F3BDCE3E-DCC1-477E-9BFA-5227CC849CD6}"/>
          </ac:spMkLst>
        </pc:spChg>
      </pc:sldChg>
      <pc:sldChg chg="addSp delSp modSp mod">
        <pc:chgData name="Weise, JanaLea" userId="12609bf0-98b9-4b6b-bb54-7237c71eeea2" providerId="ADAL" clId="{684CF541-0FE6-4DF4-9A26-B3BA80747E15}" dt="2023-01-24T08:04:13.108" v="1479" actId="113"/>
        <pc:sldMkLst>
          <pc:docMk/>
          <pc:sldMk cId="3168732749" sldId="313"/>
        </pc:sldMkLst>
        <pc:spChg chg="del">
          <ac:chgData name="Weise, JanaLea" userId="12609bf0-98b9-4b6b-bb54-7237c71eeea2" providerId="ADAL" clId="{684CF541-0FE6-4DF4-9A26-B3BA80747E15}" dt="2023-01-24T08:03:45.603" v="1476" actId="478"/>
          <ac:spMkLst>
            <pc:docMk/>
            <pc:sldMk cId="3168732749" sldId="313"/>
            <ac:spMk id="2" creationId="{24BFD86D-FEDF-419B-BE6E-D12CAE5B9E53}"/>
          </ac:spMkLst>
        </pc:spChg>
        <pc:spChg chg="add mod">
          <ac:chgData name="Weise, JanaLea" userId="12609bf0-98b9-4b6b-bb54-7237c71eeea2" providerId="ADAL" clId="{684CF541-0FE6-4DF4-9A26-B3BA80747E15}" dt="2023-01-24T08:04:13.108" v="1479" actId="113"/>
          <ac:spMkLst>
            <pc:docMk/>
            <pc:sldMk cId="3168732749" sldId="313"/>
            <ac:spMk id="5" creationId="{E06A7E9E-5E0B-1C93-C9E0-8E41E89258C0}"/>
          </ac:spMkLst>
        </pc:spChg>
        <pc:spChg chg="mod">
          <ac:chgData name="Weise, JanaLea" userId="12609bf0-98b9-4b6b-bb54-7237c71eeea2" providerId="ADAL" clId="{684CF541-0FE6-4DF4-9A26-B3BA80747E15}" dt="2023-01-24T08:04:04.112" v="1477" actId="1076"/>
          <ac:spMkLst>
            <pc:docMk/>
            <pc:sldMk cId="3168732749" sldId="313"/>
            <ac:spMk id="7" creationId="{0111B269-60BE-4FA4-9AC6-33DBD7EB7CE2}"/>
          </ac:spMkLst>
        </pc:spChg>
      </pc:sldChg>
      <pc:sldChg chg="modSp mod">
        <pc:chgData name="Weise, JanaLea" userId="12609bf0-98b9-4b6b-bb54-7237c71eeea2" providerId="ADAL" clId="{684CF541-0FE6-4DF4-9A26-B3BA80747E15}" dt="2023-01-24T08:54:42.149" v="2227" actId="20577"/>
        <pc:sldMkLst>
          <pc:docMk/>
          <pc:sldMk cId="3045733609" sldId="314"/>
        </pc:sldMkLst>
        <pc:spChg chg="mod">
          <ac:chgData name="Weise, JanaLea" userId="12609bf0-98b9-4b6b-bb54-7237c71eeea2" providerId="ADAL" clId="{684CF541-0FE6-4DF4-9A26-B3BA80747E15}" dt="2023-01-24T08:20:39.055" v="1650" actId="20577"/>
          <ac:spMkLst>
            <pc:docMk/>
            <pc:sldMk cId="3045733609" sldId="314"/>
            <ac:spMk id="2" creationId="{9A78A7D5-403E-4A0B-9590-A55A34D0A849}"/>
          </ac:spMkLst>
        </pc:spChg>
        <pc:spChg chg="mod">
          <ac:chgData name="Weise, JanaLea" userId="12609bf0-98b9-4b6b-bb54-7237c71eeea2" providerId="ADAL" clId="{684CF541-0FE6-4DF4-9A26-B3BA80747E15}" dt="2023-01-24T08:50:25.091" v="1906" actId="1076"/>
          <ac:spMkLst>
            <pc:docMk/>
            <pc:sldMk cId="3045733609" sldId="314"/>
            <ac:spMk id="20" creationId="{F91BF397-184A-44C0-BBE2-9BA41C895484}"/>
          </ac:spMkLst>
        </pc:spChg>
        <pc:spChg chg="mod">
          <ac:chgData name="Weise, JanaLea" userId="12609bf0-98b9-4b6b-bb54-7237c71eeea2" providerId="ADAL" clId="{684CF541-0FE6-4DF4-9A26-B3BA80747E15}" dt="2023-01-24T08:50:25.091" v="1906" actId="1076"/>
          <ac:spMkLst>
            <pc:docMk/>
            <pc:sldMk cId="3045733609" sldId="314"/>
            <ac:spMk id="22" creationId="{429EFB6B-2973-4D15-B9FD-8FF6C6F48EAA}"/>
          </ac:spMkLst>
        </pc:spChg>
        <pc:spChg chg="mod">
          <ac:chgData name="Weise, JanaLea" userId="12609bf0-98b9-4b6b-bb54-7237c71eeea2" providerId="ADAL" clId="{684CF541-0FE6-4DF4-9A26-B3BA80747E15}" dt="2023-01-24T08:50:25.091" v="1906" actId="1076"/>
          <ac:spMkLst>
            <pc:docMk/>
            <pc:sldMk cId="3045733609" sldId="314"/>
            <ac:spMk id="23" creationId="{F54DDCFC-C230-4575-97A0-2BD27736534E}"/>
          </ac:spMkLst>
        </pc:spChg>
        <pc:spChg chg="mod">
          <ac:chgData name="Weise, JanaLea" userId="12609bf0-98b9-4b6b-bb54-7237c71eeea2" providerId="ADAL" clId="{684CF541-0FE6-4DF4-9A26-B3BA80747E15}" dt="2023-01-24T08:50:25.091" v="1906" actId="1076"/>
          <ac:spMkLst>
            <pc:docMk/>
            <pc:sldMk cId="3045733609" sldId="314"/>
            <ac:spMk id="24" creationId="{25CA1C90-F227-497A-B7B8-8F8433D3F151}"/>
          </ac:spMkLst>
        </pc:spChg>
        <pc:spChg chg="mod">
          <ac:chgData name="Weise, JanaLea" userId="12609bf0-98b9-4b6b-bb54-7237c71eeea2" providerId="ADAL" clId="{684CF541-0FE6-4DF4-9A26-B3BA80747E15}" dt="2023-01-24T08:50:25.091" v="1906" actId="1076"/>
          <ac:spMkLst>
            <pc:docMk/>
            <pc:sldMk cId="3045733609" sldId="314"/>
            <ac:spMk id="25" creationId="{5E1B5D16-3770-4F3F-9F8F-6314F1A5F893}"/>
          </ac:spMkLst>
        </pc:spChg>
        <pc:spChg chg="mod">
          <ac:chgData name="Weise, JanaLea" userId="12609bf0-98b9-4b6b-bb54-7237c71eeea2" providerId="ADAL" clId="{684CF541-0FE6-4DF4-9A26-B3BA80747E15}" dt="2023-01-24T08:50:25.091" v="1906" actId="1076"/>
          <ac:spMkLst>
            <pc:docMk/>
            <pc:sldMk cId="3045733609" sldId="314"/>
            <ac:spMk id="39" creationId="{F7985785-81A9-4B6D-958A-0E47E65BA3B0}"/>
          </ac:spMkLst>
        </pc:spChg>
        <pc:spChg chg="mod">
          <ac:chgData name="Weise, JanaLea" userId="12609bf0-98b9-4b6b-bb54-7237c71eeea2" providerId="ADAL" clId="{684CF541-0FE6-4DF4-9A26-B3BA80747E15}" dt="2023-01-24T08:50:25.091" v="1906" actId="1076"/>
          <ac:spMkLst>
            <pc:docMk/>
            <pc:sldMk cId="3045733609" sldId="314"/>
            <ac:spMk id="40" creationId="{A1F46839-A6C2-4866-9756-71E75FF1DAA2}"/>
          </ac:spMkLst>
        </pc:spChg>
        <pc:graphicFrameChg chg="mod modGraphic">
          <ac:chgData name="Weise, JanaLea" userId="12609bf0-98b9-4b6b-bb54-7237c71eeea2" providerId="ADAL" clId="{684CF541-0FE6-4DF4-9A26-B3BA80747E15}" dt="2023-01-24T08:54:42.149" v="2227" actId="20577"/>
          <ac:graphicFrameMkLst>
            <pc:docMk/>
            <pc:sldMk cId="3045733609" sldId="314"/>
            <ac:graphicFrameMk id="5" creationId="{0F4BB4F4-71D4-4D98-BDDE-5B0924E5A743}"/>
          </ac:graphicFrameMkLst>
        </pc:graphicFrameChg>
      </pc:sldChg>
      <pc:sldMasterChg chg="modSldLayout">
        <pc:chgData name="Weise, JanaLea" userId="12609bf0-98b9-4b6b-bb54-7237c71eeea2" providerId="ADAL" clId="{684CF541-0FE6-4DF4-9A26-B3BA80747E15}" dt="2023-01-19T13:04:35.917" v="315" actId="20577"/>
        <pc:sldMasterMkLst>
          <pc:docMk/>
          <pc:sldMasterMk cId="4246037650" sldId="2147483660"/>
        </pc:sldMasterMkLst>
        <pc:sldLayoutChg chg="addSp modSp mod">
          <pc:chgData name="Weise, JanaLea" userId="12609bf0-98b9-4b6b-bb54-7237c71eeea2" providerId="ADAL" clId="{684CF541-0FE6-4DF4-9A26-B3BA80747E15}" dt="2023-01-19T13:04:35.917" v="315" actId="20577"/>
          <pc:sldLayoutMkLst>
            <pc:docMk/>
            <pc:sldMasterMk cId="4246037650" sldId="2147483660"/>
            <pc:sldLayoutMk cId="1626589238" sldId="2147483691"/>
          </pc:sldLayoutMkLst>
          <pc:spChg chg="add mod">
            <ac:chgData name="Weise, JanaLea" userId="12609bf0-98b9-4b6b-bb54-7237c71eeea2" providerId="ADAL" clId="{684CF541-0FE6-4DF4-9A26-B3BA80747E15}" dt="2023-01-19T13:04:35.917" v="315" actId="20577"/>
            <ac:spMkLst>
              <pc:docMk/>
              <pc:sldMasterMk cId="4246037650" sldId="2147483660"/>
              <pc:sldLayoutMk cId="1626589238" sldId="2147483691"/>
              <ac:spMk id="2" creationId="{A421D854-0C67-9922-80F9-229A314F4D0B}"/>
            </ac:spMkLst>
          </pc:spChg>
          <pc:spChg chg="mod modVis">
            <ac:chgData name="Weise, JanaLea" userId="12609bf0-98b9-4b6b-bb54-7237c71eeea2" providerId="ADAL" clId="{684CF541-0FE6-4DF4-9A26-B3BA80747E15}" dt="2023-01-19T13:04:35.909" v="313" actId="962"/>
            <ac:spMkLst>
              <pc:docMk/>
              <pc:sldMasterMk cId="4246037650" sldId="2147483660"/>
              <pc:sldLayoutMk cId="1626589238" sldId="2147483691"/>
              <ac:spMk id="20" creationId="{00000000-0000-0000-0000-000000000000}"/>
            </ac:spMkLst>
          </pc:spChg>
          <pc:spChg chg="mod modVis">
            <ac:chgData name="Weise, JanaLea" userId="12609bf0-98b9-4b6b-bb54-7237c71eeea2" providerId="ADAL" clId="{684CF541-0FE6-4DF4-9A26-B3BA80747E15}" dt="2023-01-19T13:04:35.909" v="312" actId="962"/>
            <ac:spMkLst>
              <pc:docMk/>
              <pc:sldMasterMk cId="4246037650" sldId="2147483660"/>
              <pc:sldLayoutMk cId="1626589238" sldId="2147483691"/>
              <ac:spMk id="21" creationId="{00000000-0000-0000-0000-000000000000}"/>
            </ac:spMkLst>
          </pc:spChg>
          <pc:spChg chg="mod modVis">
            <ac:chgData name="Weise, JanaLea" userId="12609bf0-98b9-4b6b-bb54-7237c71eeea2" providerId="ADAL" clId="{684CF541-0FE6-4DF4-9A26-B3BA80747E15}" dt="2023-01-19T13:04:35.909" v="311" actId="962"/>
            <ac:spMkLst>
              <pc:docMk/>
              <pc:sldMasterMk cId="4246037650" sldId="2147483660"/>
              <pc:sldLayoutMk cId="1626589238" sldId="2147483691"/>
              <ac:spMk id="22" creationId="{00000000-0000-0000-0000-000000000000}"/>
            </ac:spMkLst>
          </pc:spChg>
          <pc:spChg chg="mod modVis">
            <ac:chgData name="Weise, JanaLea" userId="12609bf0-98b9-4b6b-bb54-7237c71eeea2" providerId="ADAL" clId="{684CF541-0FE6-4DF4-9A26-B3BA80747E15}" dt="2023-01-19T13:04:35.909" v="310" actId="962"/>
            <ac:spMkLst>
              <pc:docMk/>
              <pc:sldMasterMk cId="4246037650" sldId="2147483660"/>
              <pc:sldLayoutMk cId="1626589238" sldId="2147483691"/>
              <ac:spMk id="24" creationId="{00000000-0000-0000-0000-000000000000}"/>
            </ac:spMkLst>
          </pc:spChg>
          <pc:spChg chg="mod modVis">
            <ac:chgData name="Weise, JanaLea" userId="12609bf0-98b9-4b6b-bb54-7237c71eeea2" providerId="ADAL" clId="{684CF541-0FE6-4DF4-9A26-B3BA80747E15}" dt="2023-01-19T13:04:35.909" v="309" actId="962"/>
            <ac:spMkLst>
              <pc:docMk/>
              <pc:sldMasterMk cId="4246037650" sldId="2147483660"/>
              <pc:sldLayoutMk cId="1626589238" sldId="2147483691"/>
              <ac:spMk id="28" creationId="{00000000-0000-0000-0000-000000000000}"/>
            </ac:spMkLst>
          </pc:spChg>
          <pc:spChg chg="mod modVis">
            <ac:chgData name="Weise, JanaLea" userId="12609bf0-98b9-4b6b-bb54-7237c71eeea2" providerId="ADAL" clId="{684CF541-0FE6-4DF4-9A26-B3BA80747E15}" dt="2023-01-19T13:04:35.909" v="308" actId="962"/>
            <ac:spMkLst>
              <pc:docMk/>
              <pc:sldMasterMk cId="4246037650" sldId="2147483660"/>
              <pc:sldLayoutMk cId="1626589238" sldId="2147483691"/>
              <ac:spMk id="29" creationId="{00000000-0000-0000-0000-000000000000}"/>
            </ac:spMkLst>
          </pc:spChg>
          <pc:spChg chg="mod modVis">
            <ac:chgData name="Weise, JanaLea" userId="12609bf0-98b9-4b6b-bb54-7237c71eeea2" providerId="ADAL" clId="{684CF541-0FE6-4DF4-9A26-B3BA80747E15}" dt="2023-01-19T13:04:35.901" v="306" actId="962"/>
            <ac:spMkLst>
              <pc:docMk/>
              <pc:sldMasterMk cId="4246037650" sldId="2147483660"/>
              <pc:sldLayoutMk cId="1626589238" sldId="2147483691"/>
              <ac:spMk id="32" creationId="{00000000-0000-0000-0000-000000000000}"/>
            </ac:spMkLst>
          </pc:spChg>
          <pc:spChg chg="mod modVis">
            <ac:chgData name="Weise, JanaLea" userId="12609bf0-98b9-4b6b-bb54-7237c71eeea2" providerId="ADAL" clId="{684CF541-0FE6-4DF4-9A26-B3BA80747E15}" dt="2023-01-19T13:04:35.901" v="305" actId="962"/>
            <ac:spMkLst>
              <pc:docMk/>
              <pc:sldMasterMk cId="4246037650" sldId="2147483660"/>
              <pc:sldLayoutMk cId="1626589238" sldId="2147483691"/>
              <ac:spMk id="33" creationId="{00000000-0000-0000-0000-000000000000}"/>
            </ac:spMkLst>
          </pc:spChg>
          <pc:spChg chg="mod modVis">
            <ac:chgData name="Weise, JanaLea" userId="12609bf0-98b9-4b6b-bb54-7237c71eeea2" providerId="ADAL" clId="{684CF541-0FE6-4DF4-9A26-B3BA80747E15}" dt="2023-01-19T13:04:35.901" v="304" actId="962"/>
            <ac:spMkLst>
              <pc:docMk/>
              <pc:sldMasterMk cId="4246037650" sldId="2147483660"/>
              <pc:sldLayoutMk cId="1626589238" sldId="2147483691"/>
              <ac:spMk id="34" creationId="{00000000-0000-0000-0000-000000000000}"/>
            </ac:spMkLst>
          </pc:spChg>
          <pc:spChg chg="mod modVis">
            <ac:chgData name="Weise, JanaLea" userId="12609bf0-98b9-4b6b-bb54-7237c71eeea2" providerId="ADAL" clId="{684CF541-0FE6-4DF4-9A26-B3BA80747E15}" dt="2023-01-19T13:04:35.901" v="303" actId="962"/>
            <ac:spMkLst>
              <pc:docMk/>
              <pc:sldMasterMk cId="4246037650" sldId="2147483660"/>
              <pc:sldLayoutMk cId="1626589238" sldId="2147483691"/>
              <ac:spMk id="35" creationId="{00000000-0000-0000-0000-000000000000}"/>
            </ac:spMkLst>
          </pc:spChg>
          <pc:spChg chg="mod modVis">
            <ac:chgData name="Weise, JanaLea" userId="12609bf0-98b9-4b6b-bb54-7237c71eeea2" providerId="ADAL" clId="{684CF541-0FE6-4DF4-9A26-B3BA80747E15}" dt="2023-01-19T13:04:35.901" v="302" actId="962"/>
            <ac:spMkLst>
              <pc:docMk/>
              <pc:sldMasterMk cId="4246037650" sldId="2147483660"/>
              <pc:sldLayoutMk cId="1626589238" sldId="2147483691"/>
              <ac:spMk id="36" creationId="{00000000-0000-0000-0000-000000000000}"/>
            </ac:spMkLst>
          </pc:spChg>
          <pc:spChg chg="mod modVis">
            <ac:chgData name="Weise, JanaLea" userId="12609bf0-98b9-4b6b-bb54-7237c71eeea2" providerId="ADAL" clId="{684CF541-0FE6-4DF4-9A26-B3BA80747E15}" dt="2023-01-19T13:04:35.896" v="301" actId="962"/>
            <ac:spMkLst>
              <pc:docMk/>
              <pc:sldMasterMk cId="4246037650" sldId="2147483660"/>
              <pc:sldLayoutMk cId="1626589238" sldId="2147483691"/>
              <ac:spMk id="37" creationId="{00000000-0000-0000-0000-000000000000}"/>
            </ac:spMkLst>
          </pc:spChg>
          <pc:spChg chg="mod modVis">
            <ac:chgData name="Weise, JanaLea" userId="12609bf0-98b9-4b6b-bb54-7237c71eeea2" providerId="ADAL" clId="{684CF541-0FE6-4DF4-9A26-B3BA80747E15}" dt="2023-01-19T13:04:35.896" v="299" actId="962"/>
            <ac:spMkLst>
              <pc:docMk/>
              <pc:sldMasterMk cId="4246037650" sldId="2147483660"/>
              <pc:sldLayoutMk cId="1626589238" sldId="2147483691"/>
              <ac:spMk id="39" creationId="{00000000-0000-0000-0000-000000000000}"/>
            </ac:spMkLst>
          </pc:spChg>
          <pc:spChg chg="mod modVis">
            <ac:chgData name="Weise, JanaLea" userId="12609bf0-98b9-4b6b-bb54-7237c71eeea2" providerId="ADAL" clId="{684CF541-0FE6-4DF4-9A26-B3BA80747E15}" dt="2023-01-19T13:04:35.892" v="298" actId="962"/>
            <ac:spMkLst>
              <pc:docMk/>
              <pc:sldMasterMk cId="4246037650" sldId="2147483660"/>
              <pc:sldLayoutMk cId="1626589238" sldId="2147483691"/>
              <ac:spMk id="40" creationId="{00000000-0000-0000-0000-000000000000}"/>
            </ac:spMkLst>
          </pc:spChg>
          <pc:spChg chg="mod modVis">
            <ac:chgData name="Weise, JanaLea" userId="12609bf0-98b9-4b6b-bb54-7237c71eeea2" providerId="ADAL" clId="{684CF541-0FE6-4DF4-9A26-B3BA80747E15}" dt="2023-01-19T13:04:35.892" v="297" actId="962"/>
            <ac:spMkLst>
              <pc:docMk/>
              <pc:sldMasterMk cId="4246037650" sldId="2147483660"/>
              <pc:sldLayoutMk cId="1626589238" sldId="2147483691"/>
              <ac:spMk id="41" creationId="{00000000-0000-0000-0000-000000000000}"/>
            </ac:spMkLst>
          </pc:spChg>
          <pc:spChg chg="mod modVis">
            <ac:chgData name="Weise, JanaLea" userId="12609bf0-98b9-4b6b-bb54-7237c71eeea2" providerId="ADAL" clId="{684CF541-0FE6-4DF4-9A26-B3BA80747E15}" dt="2023-01-19T13:04:35.892" v="296" actId="962"/>
            <ac:spMkLst>
              <pc:docMk/>
              <pc:sldMasterMk cId="4246037650" sldId="2147483660"/>
              <pc:sldLayoutMk cId="1626589238" sldId="2147483691"/>
              <ac:spMk id="42" creationId="{00000000-0000-0000-0000-000000000000}"/>
            </ac:spMkLst>
          </pc:spChg>
          <pc:spChg chg="mod modVis">
            <ac:chgData name="Weise, JanaLea" userId="12609bf0-98b9-4b6b-bb54-7237c71eeea2" providerId="ADAL" clId="{684CF541-0FE6-4DF4-9A26-B3BA80747E15}" dt="2023-01-19T13:04:35.884" v="295" actId="962"/>
            <ac:spMkLst>
              <pc:docMk/>
              <pc:sldMasterMk cId="4246037650" sldId="2147483660"/>
              <pc:sldLayoutMk cId="1626589238" sldId="2147483691"/>
              <ac:spMk id="43" creationId="{00000000-0000-0000-0000-000000000000}"/>
            </ac:spMkLst>
          </pc:spChg>
          <pc:spChg chg="mod modVis">
            <ac:chgData name="Weise, JanaLea" userId="12609bf0-98b9-4b6b-bb54-7237c71eeea2" providerId="ADAL" clId="{684CF541-0FE6-4DF4-9A26-B3BA80747E15}" dt="2023-01-19T13:04:35.884" v="294" actId="962"/>
            <ac:spMkLst>
              <pc:docMk/>
              <pc:sldMasterMk cId="4246037650" sldId="2147483660"/>
              <pc:sldLayoutMk cId="1626589238" sldId="2147483691"/>
              <ac:spMk id="44" creationId="{00000000-0000-0000-0000-000000000000}"/>
            </ac:spMkLst>
          </pc:spChg>
          <pc:spChg chg="mod modVis">
            <ac:chgData name="Weise, JanaLea" userId="12609bf0-98b9-4b6b-bb54-7237c71eeea2" providerId="ADAL" clId="{684CF541-0FE6-4DF4-9A26-B3BA80747E15}" dt="2023-01-19T13:04:35.884" v="292" actId="962"/>
            <ac:spMkLst>
              <pc:docMk/>
              <pc:sldMasterMk cId="4246037650" sldId="2147483660"/>
              <pc:sldLayoutMk cId="1626589238" sldId="2147483691"/>
              <ac:spMk id="46" creationId="{00000000-0000-0000-0000-000000000000}"/>
            </ac:spMkLst>
          </pc:spChg>
          <pc:spChg chg="mod modVis">
            <ac:chgData name="Weise, JanaLea" userId="12609bf0-98b9-4b6b-bb54-7237c71eeea2" providerId="ADAL" clId="{684CF541-0FE6-4DF4-9A26-B3BA80747E15}" dt="2023-01-19T13:04:35.884" v="291" actId="962"/>
            <ac:spMkLst>
              <pc:docMk/>
              <pc:sldMasterMk cId="4246037650" sldId="2147483660"/>
              <pc:sldLayoutMk cId="1626589238" sldId="2147483691"/>
              <ac:spMk id="47" creationId="{00000000-0000-0000-0000-000000000000}"/>
            </ac:spMkLst>
          </pc:spChg>
          <pc:spChg chg="mod modVis">
            <ac:chgData name="Weise, JanaLea" userId="12609bf0-98b9-4b6b-bb54-7237c71eeea2" providerId="ADAL" clId="{684CF541-0FE6-4DF4-9A26-B3BA80747E15}" dt="2023-01-19T13:04:35.884" v="290" actId="962"/>
            <ac:spMkLst>
              <pc:docMk/>
              <pc:sldMasterMk cId="4246037650" sldId="2147483660"/>
              <pc:sldLayoutMk cId="1626589238" sldId="2147483691"/>
              <ac:spMk id="48" creationId="{00000000-0000-0000-0000-000000000000}"/>
            </ac:spMkLst>
          </pc:spChg>
          <pc:spChg chg="mod modVis">
            <ac:chgData name="Weise, JanaLea" userId="12609bf0-98b9-4b6b-bb54-7237c71eeea2" providerId="ADAL" clId="{684CF541-0FE6-4DF4-9A26-B3BA80747E15}" dt="2023-01-19T13:04:35.884" v="289" actId="962"/>
            <ac:spMkLst>
              <pc:docMk/>
              <pc:sldMasterMk cId="4246037650" sldId="2147483660"/>
              <pc:sldLayoutMk cId="1626589238" sldId="2147483691"/>
              <ac:spMk id="49" creationId="{00000000-0000-0000-0000-000000000000}"/>
            </ac:spMkLst>
          </pc:spChg>
          <pc:spChg chg="mod modVis">
            <ac:chgData name="Weise, JanaLea" userId="12609bf0-98b9-4b6b-bb54-7237c71eeea2" providerId="ADAL" clId="{684CF541-0FE6-4DF4-9A26-B3BA80747E15}" dt="2023-01-19T13:04:35.883" v="288" actId="962"/>
            <ac:spMkLst>
              <pc:docMk/>
              <pc:sldMasterMk cId="4246037650" sldId="2147483660"/>
              <pc:sldLayoutMk cId="1626589238" sldId="2147483691"/>
              <ac:spMk id="50" creationId="{00000000-0000-0000-0000-000000000000}"/>
            </ac:spMkLst>
          </pc:spChg>
          <pc:spChg chg="mod modVis">
            <ac:chgData name="Weise, JanaLea" userId="12609bf0-98b9-4b6b-bb54-7237c71eeea2" providerId="ADAL" clId="{684CF541-0FE6-4DF4-9A26-B3BA80747E15}" dt="2023-01-19T13:04:35.875" v="287" actId="962"/>
            <ac:spMkLst>
              <pc:docMk/>
              <pc:sldMasterMk cId="4246037650" sldId="2147483660"/>
              <pc:sldLayoutMk cId="1626589238" sldId="2147483691"/>
              <ac:spMk id="51" creationId="{00000000-0000-0000-0000-000000000000}"/>
            </ac:spMkLst>
          </pc:spChg>
          <pc:grpChg chg="mod modVis">
            <ac:chgData name="Weise, JanaLea" userId="12609bf0-98b9-4b6b-bb54-7237c71eeea2" providerId="ADAL" clId="{684CF541-0FE6-4DF4-9A26-B3BA80747E15}" dt="2023-01-19T13:04:35.909" v="314" actId="962"/>
            <ac:grpSpMkLst>
              <pc:docMk/>
              <pc:sldMasterMk cId="4246037650" sldId="2147483660"/>
              <pc:sldLayoutMk cId="1626589238" sldId="2147483691"/>
              <ac:grpSpMk id="3" creationId="{00000000-0000-0000-0000-000000000000}"/>
            </ac:grpSpMkLst>
          </pc:grpChg>
          <pc:grpChg chg="mod modVis">
            <ac:chgData name="Weise, JanaLea" userId="12609bf0-98b9-4b6b-bb54-7237c71eeea2" providerId="ADAL" clId="{684CF541-0FE6-4DF4-9A26-B3BA80747E15}" dt="2023-01-19T13:04:35.901" v="307" actId="962"/>
            <ac:grpSpMkLst>
              <pc:docMk/>
              <pc:sldMasterMk cId="4246037650" sldId="2147483660"/>
              <pc:sldLayoutMk cId="1626589238" sldId="2147483691"/>
              <ac:grpSpMk id="4" creationId="{00000000-0000-0000-0000-000000000000}"/>
            </ac:grpSpMkLst>
          </pc:grpChg>
          <pc:grpChg chg="mod modVis">
            <ac:chgData name="Weise, JanaLea" userId="12609bf0-98b9-4b6b-bb54-7237c71eeea2" providerId="ADAL" clId="{684CF541-0FE6-4DF4-9A26-B3BA80747E15}" dt="2023-01-19T13:04:35.896" v="300" actId="962"/>
            <ac:grpSpMkLst>
              <pc:docMk/>
              <pc:sldMasterMk cId="4246037650" sldId="2147483660"/>
              <pc:sldLayoutMk cId="1626589238" sldId="2147483691"/>
              <ac:grpSpMk id="8" creationId="{00000000-0000-0000-0000-000000000000}"/>
            </ac:grpSpMkLst>
          </pc:grpChg>
          <pc:grpChg chg="mod modVis">
            <ac:chgData name="Weise, JanaLea" userId="12609bf0-98b9-4b6b-bb54-7237c71eeea2" providerId="ADAL" clId="{684CF541-0FE6-4DF4-9A26-B3BA80747E15}" dt="2023-01-19T13:04:35.884" v="293" actId="962"/>
            <ac:grpSpMkLst>
              <pc:docMk/>
              <pc:sldMasterMk cId="4246037650" sldId="2147483660"/>
              <pc:sldLayoutMk cId="1626589238" sldId="2147483691"/>
              <ac:grpSpMk id="9" creationId="{00000000-0000-0000-0000-000000000000}"/>
            </ac:grpSpMkLst>
          </pc:grpChg>
        </pc:sldLayoutChg>
        <pc:sldLayoutChg chg="modSp mod">
          <pc:chgData name="Weise, JanaLea" userId="12609bf0-98b9-4b6b-bb54-7237c71eeea2" providerId="ADAL" clId="{684CF541-0FE6-4DF4-9A26-B3BA80747E15}" dt="2023-01-19T13:04:35.875" v="286" actId="962"/>
          <pc:sldLayoutMkLst>
            <pc:docMk/>
            <pc:sldMasterMk cId="4246037650" sldId="2147483660"/>
            <pc:sldLayoutMk cId="2640298757" sldId="2147483692"/>
          </pc:sldLayoutMkLst>
          <pc:spChg chg="mod modVis">
            <ac:chgData name="Weise, JanaLea" userId="12609bf0-98b9-4b6b-bb54-7237c71eeea2" providerId="ADAL" clId="{684CF541-0FE6-4DF4-9A26-B3BA80747E15}" dt="2023-01-19T13:04:35.875" v="285" actId="962"/>
            <ac:spMkLst>
              <pc:docMk/>
              <pc:sldMasterMk cId="4246037650" sldId="2147483660"/>
              <pc:sldLayoutMk cId="2640298757" sldId="2147483692"/>
              <ac:spMk id="72" creationId="{8BF45C0E-D24F-4800-98B2-20E0A3AC8C3F}"/>
            </ac:spMkLst>
          </pc:spChg>
          <pc:spChg chg="mod modVis">
            <ac:chgData name="Weise, JanaLea" userId="12609bf0-98b9-4b6b-bb54-7237c71eeea2" providerId="ADAL" clId="{684CF541-0FE6-4DF4-9A26-B3BA80747E15}" dt="2023-01-19T13:04:35.875" v="284" actId="962"/>
            <ac:spMkLst>
              <pc:docMk/>
              <pc:sldMasterMk cId="4246037650" sldId="2147483660"/>
              <pc:sldLayoutMk cId="2640298757" sldId="2147483692"/>
              <ac:spMk id="73" creationId="{B36140C3-09D5-4D3F-906D-270C63E34027}"/>
            </ac:spMkLst>
          </pc:spChg>
          <pc:spChg chg="mod modVis">
            <ac:chgData name="Weise, JanaLea" userId="12609bf0-98b9-4b6b-bb54-7237c71eeea2" providerId="ADAL" clId="{684CF541-0FE6-4DF4-9A26-B3BA80747E15}" dt="2023-01-19T13:04:35.875" v="283" actId="962"/>
            <ac:spMkLst>
              <pc:docMk/>
              <pc:sldMasterMk cId="4246037650" sldId="2147483660"/>
              <pc:sldLayoutMk cId="2640298757" sldId="2147483692"/>
              <ac:spMk id="74" creationId="{871FFF1F-6558-47A3-B57A-1327C25BF06E}"/>
            </ac:spMkLst>
          </pc:spChg>
          <pc:spChg chg="mod modVis">
            <ac:chgData name="Weise, JanaLea" userId="12609bf0-98b9-4b6b-bb54-7237c71eeea2" providerId="ADAL" clId="{684CF541-0FE6-4DF4-9A26-B3BA80747E15}" dt="2023-01-19T13:04:35.875" v="282" actId="962"/>
            <ac:spMkLst>
              <pc:docMk/>
              <pc:sldMasterMk cId="4246037650" sldId="2147483660"/>
              <pc:sldLayoutMk cId="2640298757" sldId="2147483692"/>
              <ac:spMk id="75" creationId="{98FFC8B2-AAEA-4B46-BACD-C8587958201A}"/>
            </ac:spMkLst>
          </pc:spChg>
          <pc:spChg chg="mod modVis">
            <ac:chgData name="Weise, JanaLea" userId="12609bf0-98b9-4b6b-bb54-7237c71eeea2" providerId="ADAL" clId="{684CF541-0FE6-4DF4-9A26-B3BA80747E15}" dt="2023-01-19T13:04:35.875" v="281" actId="962"/>
            <ac:spMkLst>
              <pc:docMk/>
              <pc:sldMasterMk cId="4246037650" sldId="2147483660"/>
              <pc:sldLayoutMk cId="2640298757" sldId="2147483692"/>
              <ac:spMk id="76" creationId="{0E8F7A35-E5F6-48B1-BC2B-4D8D2886AA71}"/>
            </ac:spMkLst>
          </pc:spChg>
          <pc:spChg chg="mod modVis">
            <ac:chgData name="Weise, JanaLea" userId="12609bf0-98b9-4b6b-bb54-7237c71eeea2" providerId="ADAL" clId="{684CF541-0FE6-4DF4-9A26-B3BA80747E15}" dt="2023-01-19T13:04:35.867" v="280" actId="962"/>
            <ac:spMkLst>
              <pc:docMk/>
              <pc:sldMasterMk cId="4246037650" sldId="2147483660"/>
              <pc:sldLayoutMk cId="2640298757" sldId="2147483692"/>
              <ac:spMk id="77" creationId="{D42D33A2-C40A-44B6-BE0C-4D7653C496BC}"/>
            </ac:spMkLst>
          </pc:spChg>
          <pc:spChg chg="mod modVis">
            <ac:chgData name="Weise, JanaLea" userId="12609bf0-98b9-4b6b-bb54-7237c71eeea2" providerId="ADAL" clId="{684CF541-0FE6-4DF4-9A26-B3BA80747E15}" dt="2023-01-19T13:04:35.867" v="278" actId="962"/>
            <ac:spMkLst>
              <pc:docMk/>
              <pc:sldMasterMk cId="4246037650" sldId="2147483660"/>
              <pc:sldLayoutMk cId="2640298757" sldId="2147483692"/>
              <ac:spMk id="79" creationId="{584D4FFB-892A-49C8-973F-893B258E19BF}"/>
            </ac:spMkLst>
          </pc:spChg>
          <pc:spChg chg="mod modVis">
            <ac:chgData name="Weise, JanaLea" userId="12609bf0-98b9-4b6b-bb54-7237c71eeea2" providerId="ADAL" clId="{684CF541-0FE6-4DF4-9A26-B3BA80747E15}" dt="2023-01-19T13:04:35.867" v="277" actId="962"/>
            <ac:spMkLst>
              <pc:docMk/>
              <pc:sldMasterMk cId="4246037650" sldId="2147483660"/>
              <pc:sldLayoutMk cId="2640298757" sldId="2147483692"/>
              <ac:spMk id="80" creationId="{BB144044-4B4E-495D-8D8D-9D01BCCA9A24}"/>
            </ac:spMkLst>
          </pc:spChg>
          <pc:spChg chg="mod modVis">
            <ac:chgData name="Weise, JanaLea" userId="12609bf0-98b9-4b6b-bb54-7237c71eeea2" providerId="ADAL" clId="{684CF541-0FE6-4DF4-9A26-B3BA80747E15}" dt="2023-01-19T13:04:35.867" v="276" actId="962"/>
            <ac:spMkLst>
              <pc:docMk/>
              <pc:sldMasterMk cId="4246037650" sldId="2147483660"/>
              <pc:sldLayoutMk cId="2640298757" sldId="2147483692"/>
              <ac:spMk id="81" creationId="{72849E41-8C22-4F28-A058-02BC25DF49BB}"/>
            </ac:spMkLst>
          </pc:spChg>
          <pc:spChg chg="mod modVis">
            <ac:chgData name="Weise, JanaLea" userId="12609bf0-98b9-4b6b-bb54-7237c71eeea2" providerId="ADAL" clId="{684CF541-0FE6-4DF4-9A26-B3BA80747E15}" dt="2023-01-19T13:04:35.867" v="275" actId="962"/>
            <ac:spMkLst>
              <pc:docMk/>
              <pc:sldMasterMk cId="4246037650" sldId="2147483660"/>
              <pc:sldLayoutMk cId="2640298757" sldId="2147483692"/>
              <ac:spMk id="82" creationId="{CA1BEB0B-B88B-4782-BF66-3BC90122CA1F}"/>
            </ac:spMkLst>
          </pc:spChg>
          <pc:spChg chg="mod modVis">
            <ac:chgData name="Weise, JanaLea" userId="12609bf0-98b9-4b6b-bb54-7237c71eeea2" providerId="ADAL" clId="{684CF541-0FE6-4DF4-9A26-B3BA80747E15}" dt="2023-01-19T13:04:35.867" v="274" actId="962"/>
            <ac:spMkLst>
              <pc:docMk/>
              <pc:sldMasterMk cId="4246037650" sldId="2147483660"/>
              <pc:sldLayoutMk cId="2640298757" sldId="2147483692"/>
              <ac:spMk id="83" creationId="{2488CE60-C0C7-4375-8E28-316DE55D3DE1}"/>
            </ac:spMkLst>
          </pc:spChg>
          <pc:spChg chg="mod modVis">
            <ac:chgData name="Weise, JanaLea" userId="12609bf0-98b9-4b6b-bb54-7237c71eeea2" providerId="ADAL" clId="{684CF541-0FE6-4DF4-9A26-B3BA80747E15}" dt="2023-01-19T13:04:35.860" v="273" actId="962"/>
            <ac:spMkLst>
              <pc:docMk/>
              <pc:sldMasterMk cId="4246037650" sldId="2147483660"/>
              <pc:sldLayoutMk cId="2640298757" sldId="2147483692"/>
              <ac:spMk id="84" creationId="{FDCF7982-797D-46DB-BA8C-F96B93FBBFAF}"/>
            </ac:spMkLst>
          </pc:spChg>
          <pc:grpChg chg="mod modVis">
            <ac:chgData name="Weise, JanaLea" userId="12609bf0-98b9-4b6b-bb54-7237c71eeea2" providerId="ADAL" clId="{684CF541-0FE6-4DF4-9A26-B3BA80747E15}" dt="2023-01-19T13:04:35.875" v="286" actId="962"/>
            <ac:grpSpMkLst>
              <pc:docMk/>
              <pc:sldMasterMk cId="4246037650" sldId="2147483660"/>
              <pc:sldLayoutMk cId="2640298757" sldId="2147483692"/>
              <ac:grpSpMk id="71" creationId="{91D61CFA-1A29-4B89-8F49-1E216E25DD2B}"/>
            </ac:grpSpMkLst>
          </pc:grpChg>
          <pc:grpChg chg="mod modVis">
            <ac:chgData name="Weise, JanaLea" userId="12609bf0-98b9-4b6b-bb54-7237c71eeea2" providerId="ADAL" clId="{684CF541-0FE6-4DF4-9A26-B3BA80747E15}" dt="2023-01-19T13:04:35.867" v="279" actId="962"/>
            <ac:grpSpMkLst>
              <pc:docMk/>
              <pc:sldMasterMk cId="4246037650" sldId="2147483660"/>
              <pc:sldLayoutMk cId="2640298757" sldId="2147483692"/>
              <ac:grpSpMk id="78" creationId="{3CDEAECC-3C3D-40DC-8048-05157150AD6E}"/>
            </ac:grpSpMkLst>
          </pc:grpChg>
        </pc:sldLayoutChg>
      </pc:sldMasterChg>
    </pc:docChg>
  </pc:docChgLst>
  <pc:docChgLst>
    <pc:chgData name="Bianchi, Sascha" userId="b6c31fb8-48fb-4302-b2cd-81a24de3ee13" providerId="ADAL" clId="{4BFB60E9-C681-4F3D-B67D-686FDDC64D0E}"/>
    <pc:docChg chg="undo custSel delSld modSld">
      <pc:chgData name="Bianchi, Sascha" userId="b6c31fb8-48fb-4302-b2cd-81a24de3ee13" providerId="ADAL" clId="{4BFB60E9-C681-4F3D-B67D-686FDDC64D0E}" dt="2023-01-25T17:02:31.516" v="192" actId="3626"/>
      <pc:docMkLst>
        <pc:docMk/>
      </pc:docMkLst>
      <pc:sldChg chg="del">
        <pc:chgData name="Bianchi, Sascha" userId="b6c31fb8-48fb-4302-b2cd-81a24de3ee13" providerId="ADAL" clId="{4BFB60E9-C681-4F3D-B67D-686FDDC64D0E}" dt="2023-01-25T16:51:49.597" v="37" actId="47"/>
        <pc:sldMkLst>
          <pc:docMk/>
          <pc:sldMk cId="2181357851" sldId="303"/>
        </pc:sldMkLst>
      </pc:sldChg>
      <pc:sldChg chg="modSp mod">
        <pc:chgData name="Bianchi, Sascha" userId="b6c31fb8-48fb-4302-b2cd-81a24de3ee13" providerId="ADAL" clId="{4BFB60E9-C681-4F3D-B67D-686FDDC64D0E}" dt="2023-01-25T16:59:06.532" v="141" actId="20577"/>
        <pc:sldMkLst>
          <pc:docMk/>
          <pc:sldMk cId="3803277839" sldId="304"/>
        </pc:sldMkLst>
        <pc:graphicFrameChg chg="modGraphic">
          <ac:chgData name="Bianchi, Sascha" userId="b6c31fb8-48fb-4302-b2cd-81a24de3ee13" providerId="ADAL" clId="{4BFB60E9-C681-4F3D-B67D-686FDDC64D0E}" dt="2023-01-25T16:59:06.532" v="141" actId="20577"/>
          <ac:graphicFrameMkLst>
            <pc:docMk/>
            <pc:sldMk cId="3803277839" sldId="304"/>
            <ac:graphicFrameMk id="19" creationId="{666D4FB8-8916-494B-BBBF-22D9BFD45962}"/>
          </ac:graphicFrameMkLst>
        </pc:graphicFrameChg>
      </pc:sldChg>
      <pc:sldChg chg="addSp modSp mod">
        <pc:chgData name="Bianchi, Sascha" userId="b6c31fb8-48fb-4302-b2cd-81a24de3ee13" providerId="ADAL" clId="{4BFB60E9-C681-4F3D-B67D-686FDDC64D0E}" dt="2023-01-25T17:02:31.516" v="192" actId="3626"/>
        <pc:sldMkLst>
          <pc:docMk/>
          <pc:sldMk cId="1328112424" sldId="306"/>
        </pc:sldMkLst>
        <pc:spChg chg="add mod">
          <ac:chgData name="Bianchi, Sascha" userId="b6c31fb8-48fb-4302-b2cd-81a24de3ee13" providerId="ADAL" clId="{4BFB60E9-C681-4F3D-B67D-686FDDC64D0E}" dt="2023-01-25T17:02:31.516" v="192" actId="3626"/>
          <ac:spMkLst>
            <pc:docMk/>
            <pc:sldMk cId="1328112424" sldId="306"/>
            <ac:spMk id="5" creationId="{FE3742FE-1CC4-8988-6115-DBCE42546128}"/>
          </ac:spMkLst>
        </pc:spChg>
        <pc:spChg chg="mod">
          <ac:chgData name="Bianchi, Sascha" userId="b6c31fb8-48fb-4302-b2cd-81a24de3ee13" providerId="ADAL" clId="{4BFB60E9-C681-4F3D-B67D-686FDDC64D0E}" dt="2023-01-25T16:48:31.713" v="11" actId="20577"/>
          <ac:spMkLst>
            <pc:docMk/>
            <pc:sldMk cId="1328112424" sldId="306"/>
            <ac:spMk id="21" creationId="{DECB8507-1AEC-4FB0-8CEB-726313BEB7F8}"/>
          </ac:spMkLst>
        </pc:spChg>
      </pc:sldChg>
      <pc:sldChg chg="modSp mod">
        <pc:chgData name="Bianchi, Sascha" userId="b6c31fb8-48fb-4302-b2cd-81a24de3ee13" providerId="ADAL" clId="{4BFB60E9-C681-4F3D-B67D-686FDDC64D0E}" dt="2023-01-25T16:51:30.770" v="36" actId="1076"/>
        <pc:sldMkLst>
          <pc:docMk/>
          <pc:sldMk cId="2411013999" sldId="307"/>
        </pc:sldMkLst>
        <pc:spChg chg="mod">
          <ac:chgData name="Bianchi, Sascha" userId="b6c31fb8-48fb-4302-b2cd-81a24de3ee13" providerId="ADAL" clId="{4BFB60E9-C681-4F3D-B67D-686FDDC64D0E}" dt="2023-01-25T16:51:11.809" v="33" actId="1076"/>
          <ac:spMkLst>
            <pc:docMk/>
            <pc:sldMk cId="2411013999" sldId="307"/>
            <ac:spMk id="10" creationId="{21AFC861-D4B0-4430-8BE2-302CE4CE1F9F}"/>
          </ac:spMkLst>
        </pc:spChg>
        <pc:spChg chg="mod">
          <ac:chgData name="Bianchi, Sascha" userId="b6c31fb8-48fb-4302-b2cd-81a24de3ee13" providerId="ADAL" clId="{4BFB60E9-C681-4F3D-B67D-686FDDC64D0E}" dt="2023-01-25T16:51:30.770" v="36" actId="1076"/>
          <ac:spMkLst>
            <pc:docMk/>
            <pc:sldMk cId="2411013999" sldId="307"/>
            <ac:spMk id="12" creationId="{C0522C3A-E20A-4327-B414-9BA550984468}"/>
          </ac:spMkLst>
        </pc:spChg>
        <pc:spChg chg="mod">
          <ac:chgData name="Bianchi, Sascha" userId="b6c31fb8-48fb-4302-b2cd-81a24de3ee13" providerId="ADAL" clId="{4BFB60E9-C681-4F3D-B67D-686FDDC64D0E}" dt="2023-01-25T16:51:30.770" v="36" actId="1076"/>
          <ac:spMkLst>
            <pc:docMk/>
            <pc:sldMk cId="2411013999" sldId="307"/>
            <ac:spMk id="14" creationId="{4269C2E9-D5B4-4D02-A7B7-88C123FA0014}"/>
          </ac:spMkLst>
        </pc:spChg>
        <pc:spChg chg="mod">
          <ac:chgData name="Bianchi, Sascha" userId="b6c31fb8-48fb-4302-b2cd-81a24de3ee13" providerId="ADAL" clId="{4BFB60E9-C681-4F3D-B67D-686FDDC64D0E}" dt="2023-01-25T16:49:49.816" v="27" actId="1076"/>
          <ac:spMkLst>
            <pc:docMk/>
            <pc:sldMk cId="2411013999" sldId="307"/>
            <ac:spMk id="23" creationId="{55FC7A48-F4F6-36C5-A082-6A76F6613E10}"/>
          </ac:spMkLst>
        </pc:spChg>
        <pc:spChg chg="mod">
          <ac:chgData name="Bianchi, Sascha" userId="b6c31fb8-48fb-4302-b2cd-81a24de3ee13" providerId="ADAL" clId="{4BFB60E9-C681-4F3D-B67D-686FDDC64D0E}" dt="2023-01-25T16:49:22.611" v="18" actId="122"/>
          <ac:spMkLst>
            <pc:docMk/>
            <pc:sldMk cId="2411013999" sldId="307"/>
            <ac:spMk id="26" creationId="{5A95E53A-D8EC-66CD-BAE8-66D4F8BA1B18}"/>
          </ac:spMkLst>
        </pc:spChg>
        <pc:spChg chg="mod">
          <ac:chgData name="Bianchi, Sascha" userId="b6c31fb8-48fb-4302-b2cd-81a24de3ee13" providerId="ADAL" clId="{4BFB60E9-C681-4F3D-B67D-686FDDC64D0E}" dt="2023-01-25T16:49:19.010" v="17" actId="1076"/>
          <ac:spMkLst>
            <pc:docMk/>
            <pc:sldMk cId="2411013999" sldId="307"/>
            <ac:spMk id="27" creationId="{3DCDC2B6-B460-CC2F-ECDF-BFC18DA6EA86}"/>
          </ac:spMkLst>
        </pc:spChg>
      </pc:sldChg>
      <pc:sldChg chg="addSp delSp modSp mod">
        <pc:chgData name="Bianchi, Sascha" userId="b6c31fb8-48fb-4302-b2cd-81a24de3ee13" providerId="ADAL" clId="{4BFB60E9-C681-4F3D-B67D-686FDDC64D0E}" dt="2023-01-25T16:56:32.962" v="82" actId="478"/>
        <pc:sldMkLst>
          <pc:docMk/>
          <pc:sldMk cId="4286632193" sldId="309"/>
        </pc:sldMkLst>
        <pc:spChg chg="add mod">
          <ac:chgData name="Bianchi, Sascha" userId="b6c31fb8-48fb-4302-b2cd-81a24de3ee13" providerId="ADAL" clId="{4BFB60E9-C681-4F3D-B67D-686FDDC64D0E}" dt="2023-01-25T16:56:22.728" v="80" actId="1076"/>
          <ac:spMkLst>
            <pc:docMk/>
            <pc:sldMk cId="4286632193" sldId="309"/>
            <ac:spMk id="2" creationId="{9C5195F4-EE2E-B809-2182-F31E041E0C44}"/>
          </ac:spMkLst>
        </pc:spChg>
        <pc:spChg chg="add del mod">
          <ac:chgData name="Bianchi, Sascha" userId="b6c31fb8-48fb-4302-b2cd-81a24de3ee13" providerId="ADAL" clId="{4BFB60E9-C681-4F3D-B67D-686FDDC64D0E}" dt="2023-01-25T16:56:32.962" v="82" actId="478"/>
          <ac:spMkLst>
            <pc:docMk/>
            <pc:sldMk cId="4286632193" sldId="309"/>
            <ac:spMk id="4" creationId="{7B1D9097-4DCC-89E7-F2ED-3F31B91E5E1E}"/>
          </ac:spMkLst>
        </pc:spChg>
      </pc:sldChg>
      <pc:sldChg chg="addSp modSp mod">
        <pc:chgData name="Bianchi, Sascha" userId="b6c31fb8-48fb-4302-b2cd-81a24de3ee13" providerId="ADAL" clId="{4BFB60E9-C681-4F3D-B67D-686FDDC64D0E}" dt="2023-01-25T16:57:53.322" v="137" actId="20577"/>
        <pc:sldMkLst>
          <pc:docMk/>
          <pc:sldMk cId="2022307411" sldId="311"/>
        </pc:sldMkLst>
        <pc:spChg chg="add mod">
          <ac:chgData name="Bianchi, Sascha" userId="b6c31fb8-48fb-4302-b2cd-81a24de3ee13" providerId="ADAL" clId="{4BFB60E9-C681-4F3D-B67D-686FDDC64D0E}" dt="2023-01-25T16:57:53.322" v="137" actId="20577"/>
          <ac:spMkLst>
            <pc:docMk/>
            <pc:sldMk cId="2022307411" sldId="311"/>
            <ac:spMk id="3" creationId="{DEB272CA-10A9-7C44-7A9C-BEB85C13D1B8}"/>
          </ac:spMkLst>
        </pc:spChg>
      </pc:sldChg>
      <pc:sldChg chg="modSp mod">
        <pc:chgData name="Bianchi, Sascha" userId="b6c31fb8-48fb-4302-b2cd-81a24de3ee13" providerId="ADAL" clId="{4BFB60E9-C681-4F3D-B67D-686FDDC64D0E}" dt="2023-01-25T16:58:33.905" v="139" actId="20577"/>
        <pc:sldMkLst>
          <pc:docMk/>
          <pc:sldMk cId="3045733609" sldId="314"/>
        </pc:sldMkLst>
        <pc:spChg chg="mod">
          <ac:chgData name="Bianchi, Sascha" userId="b6c31fb8-48fb-4302-b2cd-81a24de3ee13" providerId="ADAL" clId="{4BFB60E9-C681-4F3D-B67D-686FDDC64D0E}" dt="2023-01-25T16:58:33.905" v="139" actId="20577"/>
          <ac:spMkLst>
            <pc:docMk/>
            <pc:sldMk cId="3045733609" sldId="314"/>
            <ac:spMk id="2" creationId="{9A78A7D5-403E-4A0B-9590-A55A34D0A849}"/>
          </ac:spMkLst>
        </pc:spChg>
      </pc:sldChg>
    </pc:docChg>
  </pc:docChgLst>
  <pc:docChgLst>
    <pc:chgData name="Bianchi, Sascha" userId="b6c31fb8-48fb-4302-b2cd-81a24de3ee13" providerId="ADAL" clId="{F8844E89-A23B-4275-A9D1-E24270C63FB0}"/>
    <pc:docChg chg="undo redo custSel addSld delSld modSld">
      <pc:chgData name="Bianchi, Sascha" userId="b6c31fb8-48fb-4302-b2cd-81a24de3ee13" providerId="ADAL" clId="{F8844E89-A23B-4275-A9D1-E24270C63FB0}" dt="2023-02-08T10:35:31.012" v="548" actId="20577"/>
      <pc:docMkLst>
        <pc:docMk/>
      </pc:docMkLst>
      <pc:sldChg chg="addSp delSp modSp mod">
        <pc:chgData name="Bianchi, Sascha" userId="b6c31fb8-48fb-4302-b2cd-81a24de3ee13" providerId="ADAL" clId="{F8844E89-A23B-4275-A9D1-E24270C63FB0}" dt="2023-02-01T15:05:59.601" v="425" actId="478"/>
        <pc:sldMkLst>
          <pc:docMk/>
          <pc:sldMk cId="3688319644" sldId="271"/>
        </pc:sldMkLst>
        <pc:spChg chg="add mod">
          <ac:chgData name="Bianchi, Sascha" userId="b6c31fb8-48fb-4302-b2cd-81a24de3ee13" providerId="ADAL" clId="{F8844E89-A23B-4275-A9D1-E24270C63FB0}" dt="2023-02-01T15:05:59.601" v="425" actId="478"/>
          <ac:spMkLst>
            <pc:docMk/>
            <pc:sldMk cId="3688319644" sldId="271"/>
            <ac:spMk id="5" creationId="{1FFD01C0-0F99-D478-CDCE-C3F6AB59DBB0}"/>
          </ac:spMkLst>
        </pc:spChg>
        <pc:spChg chg="mod">
          <ac:chgData name="Bianchi, Sascha" userId="b6c31fb8-48fb-4302-b2cd-81a24de3ee13" providerId="ADAL" clId="{F8844E89-A23B-4275-A9D1-E24270C63FB0}" dt="2023-02-01T15:05:52.688" v="424" actId="6549"/>
          <ac:spMkLst>
            <pc:docMk/>
            <pc:sldMk cId="3688319644" sldId="271"/>
            <ac:spMk id="6" creationId="{E824696A-7729-409A-82A6-A1882A1979CD}"/>
          </ac:spMkLst>
        </pc:spChg>
        <pc:spChg chg="mod">
          <ac:chgData name="Bianchi, Sascha" userId="b6c31fb8-48fb-4302-b2cd-81a24de3ee13" providerId="ADAL" clId="{F8844E89-A23B-4275-A9D1-E24270C63FB0}" dt="2023-02-01T15:05:38.160" v="405" actId="20577"/>
          <ac:spMkLst>
            <pc:docMk/>
            <pc:sldMk cId="3688319644" sldId="271"/>
            <ac:spMk id="7" creationId="{41FEE361-0677-4444-B82C-2CD575B6D679}"/>
          </ac:spMkLst>
        </pc:spChg>
        <pc:spChg chg="add mod">
          <ac:chgData name="Bianchi, Sascha" userId="b6c31fb8-48fb-4302-b2cd-81a24de3ee13" providerId="ADAL" clId="{F8844E89-A23B-4275-A9D1-E24270C63FB0}" dt="2023-02-01T15:05:59.601" v="425" actId="478"/>
          <ac:spMkLst>
            <pc:docMk/>
            <pc:sldMk cId="3688319644" sldId="271"/>
            <ac:spMk id="11" creationId="{109C7285-BA89-7D86-D5B5-0E2151057018}"/>
          </ac:spMkLst>
        </pc:spChg>
        <pc:spChg chg="del">
          <ac:chgData name="Bianchi, Sascha" userId="b6c31fb8-48fb-4302-b2cd-81a24de3ee13" providerId="ADAL" clId="{F8844E89-A23B-4275-A9D1-E24270C63FB0}" dt="2023-02-01T15:05:59.601" v="425" actId="478"/>
          <ac:spMkLst>
            <pc:docMk/>
            <pc:sldMk cId="3688319644" sldId="271"/>
            <ac:spMk id="24" creationId="{6C9EA477-7A7D-4BD5-A32A-2431705E2C07}"/>
          </ac:spMkLst>
        </pc:spChg>
        <pc:spChg chg="del">
          <ac:chgData name="Bianchi, Sascha" userId="b6c31fb8-48fb-4302-b2cd-81a24de3ee13" providerId="ADAL" clId="{F8844E89-A23B-4275-A9D1-E24270C63FB0}" dt="2023-02-01T15:05:59.601" v="425" actId="478"/>
          <ac:spMkLst>
            <pc:docMk/>
            <pc:sldMk cId="3688319644" sldId="271"/>
            <ac:spMk id="25" creationId="{16A4ECC9-C237-413E-ACA3-3F8319B5C303}"/>
          </ac:spMkLst>
        </pc:spChg>
      </pc:sldChg>
      <pc:sldChg chg="del">
        <pc:chgData name="Bianchi, Sascha" userId="b6c31fb8-48fb-4302-b2cd-81a24de3ee13" providerId="ADAL" clId="{F8844E89-A23B-4275-A9D1-E24270C63FB0}" dt="2023-02-01T14:29:42.878" v="22" actId="47"/>
        <pc:sldMkLst>
          <pc:docMk/>
          <pc:sldMk cId="1989932014" sldId="288"/>
        </pc:sldMkLst>
      </pc:sldChg>
      <pc:sldChg chg="del">
        <pc:chgData name="Bianchi, Sascha" userId="b6c31fb8-48fb-4302-b2cd-81a24de3ee13" providerId="ADAL" clId="{F8844E89-A23B-4275-A9D1-E24270C63FB0}" dt="2023-02-01T15:02:06.318" v="156" actId="47"/>
        <pc:sldMkLst>
          <pc:docMk/>
          <pc:sldMk cId="297805611" sldId="298"/>
        </pc:sldMkLst>
      </pc:sldChg>
      <pc:sldChg chg="modSp del mod">
        <pc:chgData name="Bianchi, Sascha" userId="b6c31fb8-48fb-4302-b2cd-81a24de3ee13" providerId="ADAL" clId="{F8844E89-A23B-4275-A9D1-E24270C63FB0}" dt="2023-02-01T15:05:18.538" v="399" actId="47"/>
        <pc:sldMkLst>
          <pc:docMk/>
          <pc:sldMk cId="3803277839" sldId="304"/>
        </pc:sldMkLst>
        <pc:graphicFrameChg chg="modGraphic">
          <ac:chgData name="Bianchi, Sascha" userId="b6c31fb8-48fb-4302-b2cd-81a24de3ee13" providerId="ADAL" clId="{F8844E89-A23B-4275-A9D1-E24270C63FB0}" dt="2023-02-01T14:29:09.987" v="20" actId="20577"/>
          <ac:graphicFrameMkLst>
            <pc:docMk/>
            <pc:sldMk cId="3803277839" sldId="304"/>
            <ac:graphicFrameMk id="19" creationId="{666D4FB8-8916-494B-BBBF-22D9BFD45962}"/>
          </ac:graphicFrameMkLst>
        </pc:graphicFrameChg>
      </pc:sldChg>
      <pc:sldChg chg="del">
        <pc:chgData name="Bianchi, Sascha" userId="b6c31fb8-48fb-4302-b2cd-81a24de3ee13" providerId="ADAL" clId="{F8844E89-A23B-4275-A9D1-E24270C63FB0}" dt="2023-02-01T15:06:28.138" v="442" actId="47"/>
        <pc:sldMkLst>
          <pc:docMk/>
          <pc:sldMk cId="2663114340" sldId="305"/>
        </pc:sldMkLst>
      </pc:sldChg>
      <pc:sldChg chg="del">
        <pc:chgData name="Bianchi, Sascha" userId="b6c31fb8-48fb-4302-b2cd-81a24de3ee13" providerId="ADAL" clId="{F8844E89-A23B-4275-A9D1-E24270C63FB0}" dt="2023-02-01T15:02:05.334" v="154" actId="47"/>
        <pc:sldMkLst>
          <pc:docMk/>
          <pc:sldMk cId="1328112424" sldId="306"/>
        </pc:sldMkLst>
      </pc:sldChg>
      <pc:sldChg chg="del">
        <pc:chgData name="Bianchi, Sascha" userId="b6c31fb8-48fb-4302-b2cd-81a24de3ee13" providerId="ADAL" clId="{F8844E89-A23B-4275-A9D1-E24270C63FB0}" dt="2023-02-01T15:02:05.824" v="155" actId="47"/>
        <pc:sldMkLst>
          <pc:docMk/>
          <pc:sldMk cId="2411013999" sldId="307"/>
        </pc:sldMkLst>
      </pc:sldChg>
      <pc:sldChg chg="del">
        <pc:chgData name="Bianchi, Sascha" userId="b6c31fb8-48fb-4302-b2cd-81a24de3ee13" providerId="ADAL" clId="{F8844E89-A23B-4275-A9D1-E24270C63FB0}" dt="2023-02-01T15:05:33.729" v="401" actId="47"/>
        <pc:sldMkLst>
          <pc:docMk/>
          <pc:sldMk cId="4286632193" sldId="309"/>
        </pc:sldMkLst>
      </pc:sldChg>
      <pc:sldChg chg="modSp mod">
        <pc:chgData name="Bianchi, Sascha" userId="b6c31fb8-48fb-4302-b2cd-81a24de3ee13" providerId="ADAL" clId="{F8844E89-A23B-4275-A9D1-E24270C63FB0}" dt="2023-02-08T10:34:32.434" v="518" actId="6549"/>
        <pc:sldMkLst>
          <pc:docMk/>
          <pc:sldMk cId="2022307411" sldId="311"/>
        </pc:sldMkLst>
        <pc:spChg chg="mod">
          <ac:chgData name="Bianchi, Sascha" userId="b6c31fb8-48fb-4302-b2cd-81a24de3ee13" providerId="ADAL" clId="{F8844E89-A23B-4275-A9D1-E24270C63FB0}" dt="2023-02-08T10:34:32.434" v="518" actId="6549"/>
          <ac:spMkLst>
            <pc:docMk/>
            <pc:sldMk cId="2022307411" sldId="311"/>
            <ac:spMk id="2" creationId="{A3CA7128-3F4A-4BE5-9706-C0B4C34FA8A6}"/>
          </ac:spMkLst>
        </pc:spChg>
      </pc:sldChg>
      <pc:sldChg chg="del">
        <pc:chgData name="Bianchi, Sascha" userId="b6c31fb8-48fb-4302-b2cd-81a24de3ee13" providerId="ADAL" clId="{F8844E89-A23B-4275-A9D1-E24270C63FB0}" dt="2023-02-01T14:29:41.478" v="21" actId="47"/>
        <pc:sldMkLst>
          <pc:docMk/>
          <pc:sldMk cId="3168732749" sldId="313"/>
        </pc:sldMkLst>
      </pc:sldChg>
      <pc:sldChg chg="del">
        <pc:chgData name="Bianchi, Sascha" userId="b6c31fb8-48fb-4302-b2cd-81a24de3ee13" providerId="ADAL" clId="{F8844E89-A23B-4275-A9D1-E24270C63FB0}" dt="2023-02-01T15:04:02.820" v="288" actId="47"/>
        <pc:sldMkLst>
          <pc:docMk/>
          <pc:sldMk cId="3045733609" sldId="314"/>
        </pc:sldMkLst>
      </pc:sldChg>
      <pc:sldChg chg="modSp new mod">
        <pc:chgData name="Bianchi, Sascha" userId="b6c31fb8-48fb-4302-b2cd-81a24de3ee13" providerId="ADAL" clId="{F8844E89-A23B-4275-A9D1-E24270C63FB0}" dt="2023-02-08T10:33:43.442" v="500" actId="20577"/>
        <pc:sldMkLst>
          <pc:docMk/>
          <pc:sldMk cId="366534659" sldId="315"/>
        </pc:sldMkLst>
        <pc:spChg chg="mod">
          <ac:chgData name="Bianchi, Sascha" userId="b6c31fb8-48fb-4302-b2cd-81a24de3ee13" providerId="ADAL" clId="{F8844E89-A23B-4275-A9D1-E24270C63FB0}" dt="2023-02-08T10:33:43.442" v="500" actId="20577"/>
          <ac:spMkLst>
            <pc:docMk/>
            <pc:sldMk cId="366534659" sldId="315"/>
            <ac:spMk id="2" creationId="{32A632D8-CAC6-3E0F-2497-796F3CEE1449}"/>
          </ac:spMkLst>
        </pc:spChg>
        <pc:spChg chg="mod">
          <ac:chgData name="Bianchi, Sascha" userId="b6c31fb8-48fb-4302-b2cd-81a24de3ee13" providerId="ADAL" clId="{F8844E89-A23B-4275-A9D1-E24270C63FB0}" dt="2023-02-01T15:02:21.766" v="174" actId="20577"/>
          <ac:spMkLst>
            <pc:docMk/>
            <pc:sldMk cId="366534659" sldId="315"/>
            <ac:spMk id="3" creationId="{46ED9B41-5C6A-2BBD-D617-E2AF89EC0839}"/>
          </ac:spMkLst>
        </pc:spChg>
      </pc:sldChg>
      <pc:sldChg chg="modSp new mod">
        <pc:chgData name="Bianchi, Sascha" userId="b6c31fb8-48fb-4302-b2cd-81a24de3ee13" providerId="ADAL" clId="{F8844E89-A23B-4275-A9D1-E24270C63FB0}" dt="2023-02-01T15:04:15.791" v="328" actId="20577"/>
        <pc:sldMkLst>
          <pc:docMk/>
          <pc:sldMk cId="2217049902" sldId="316"/>
        </pc:sldMkLst>
        <pc:spChg chg="mod">
          <ac:chgData name="Bianchi, Sascha" userId="b6c31fb8-48fb-4302-b2cd-81a24de3ee13" providerId="ADAL" clId="{F8844E89-A23B-4275-A9D1-E24270C63FB0}" dt="2023-02-01T15:01:36.111" v="90" actId="20577"/>
          <ac:spMkLst>
            <pc:docMk/>
            <pc:sldMk cId="2217049902" sldId="316"/>
            <ac:spMk id="2" creationId="{77FB58A7-0F5D-56E6-6780-AC243FF7D0EC}"/>
          </ac:spMkLst>
        </pc:spChg>
        <pc:spChg chg="mod">
          <ac:chgData name="Bianchi, Sascha" userId="b6c31fb8-48fb-4302-b2cd-81a24de3ee13" providerId="ADAL" clId="{F8844E89-A23B-4275-A9D1-E24270C63FB0}" dt="2023-02-01T15:04:15.791" v="328" actId="20577"/>
          <ac:spMkLst>
            <pc:docMk/>
            <pc:sldMk cId="2217049902" sldId="316"/>
            <ac:spMk id="3" creationId="{87E87754-8FA5-D483-B1C9-AA88F57539B6}"/>
          </ac:spMkLst>
        </pc:spChg>
      </pc:sldChg>
      <pc:sldChg chg="modSp new mod">
        <pc:chgData name="Bianchi, Sascha" userId="b6c31fb8-48fb-4302-b2cd-81a24de3ee13" providerId="ADAL" clId="{F8844E89-A23B-4275-A9D1-E24270C63FB0}" dt="2023-02-01T15:02:02.402" v="153" actId="20577"/>
        <pc:sldMkLst>
          <pc:docMk/>
          <pc:sldMk cId="1400733318" sldId="317"/>
        </pc:sldMkLst>
        <pc:spChg chg="mod">
          <ac:chgData name="Bianchi, Sascha" userId="b6c31fb8-48fb-4302-b2cd-81a24de3ee13" providerId="ADAL" clId="{F8844E89-A23B-4275-A9D1-E24270C63FB0}" dt="2023-02-01T15:02:02.402" v="153" actId="20577"/>
          <ac:spMkLst>
            <pc:docMk/>
            <pc:sldMk cId="1400733318" sldId="317"/>
            <ac:spMk id="2" creationId="{DBD629F4-97D7-25E9-59DE-20A509875165}"/>
          </ac:spMkLst>
        </pc:spChg>
      </pc:sldChg>
      <pc:sldChg chg="addSp delSp modSp new mod">
        <pc:chgData name="Bianchi, Sascha" userId="b6c31fb8-48fb-4302-b2cd-81a24de3ee13" providerId="ADAL" clId="{F8844E89-A23B-4275-A9D1-E24270C63FB0}" dt="2023-02-08T10:33:53.677" v="504" actId="20577"/>
        <pc:sldMkLst>
          <pc:docMk/>
          <pc:sldMk cId="1819102372" sldId="318"/>
        </pc:sldMkLst>
        <pc:spChg chg="mod">
          <ac:chgData name="Bianchi, Sascha" userId="b6c31fb8-48fb-4302-b2cd-81a24de3ee13" providerId="ADAL" clId="{F8844E89-A23B-4275-A9D1-E24270C63FB0}" dt="2023-02-08T10:33:53.677" v="504" actId="20577"/>
          <ac:spMkLst>
            <pc:docMk/>
            <pc:sldMk cId="1819102372" sldId="318"/>
            <ac:spMk id="2" creationId="{514B0829-DF35-5B6E-54D9-9CA2B098BAEC}"/>
          </ac:spMkLst>
        </pc:spChg>
        <pc:spChg chg="add del mod">
          <ac:chgData name="Bianchi, Sascha" userId="b6c31fb8-48fb-4302-b2cd-81a24de3ee13" providerId="ADAL" clId="{F8844E89-A23B-4275-A9D1-E24270C63FB0}" dt="2023-02-01T15:07:24.785" v="481" actId="478"/>
          <ac:spMkLst>
            <pc:docMk/>
            <pc:sldMk cId="1819102372" sldId="318"/>
            <ac:spMk id="6" creationId="{508BA12C-346B-47E0-7131-19608EE91895}"/>
          </ac:spMkLst>
        </pc:spChg>
        <pc:graphicFrameChg chg="add mod modGraphic">
          <ac:chgData name="Bianchi, Sascha" userId="b6c31fb8-48fb-4302-b2cd-81a24de3ee13" providerId="ADAL" clId="{F8844E89-A23B-4275-A9D1-E24270C63FB0}" dt="2023-02-01T15:06:47.454" v="458" actId="20577"/>
          <ac:graphicFrameMkLst>
            <pc:docMk/>
            <pc:sldMk cId="1819102372" sldId="318"/>
            <ac:graphicFrameMk id="5" creationId="{631053DC-8DF6-B498-7BA8-DE8BF76D644A}"/>
          </ac:graphicFrameMkLst>
        </pc:graphicFrameChg>
      </pc:sldChg>
      <pc:sldChg chg="addSp modSp new mod">
        <pc:chgData name="Bianchi, Sascha" userId="b6c31fb8-48fb-4302-b2cd-81a24de3ee13" providerId="ADAL" clId="{F8844E89-A23B-4275-A9D1-E24270C63FB0}" dt="2023-02-08T10:35:31.012" v="548" actId="20577"/>
        <pc:sldMkLst>
          <pc:docMk/>
          <pc:sldMk cId="475217914" sldId="319"/>
        </pc:sldMkLst>
        <pc:spChg chg="mod">
          <ac:chgData name="Bianchi, Sascha" userId="b6c31fb8-48fb-4302-b2cd-81a24de3ee13" providerId="ADAL" clId="{F8844E89-A23B-4275-A9D1-E24270C63FB0}" dt="2023-02-08T10:34:07.037" v="517" actId="20577"/>
          <ac:spMkLst>
            <pc:docMk/>
            <pc:sldMk cId="475217914" sldId="319"/>
            <ac:spMk id="2" creationId="{3B5008C5-18C6-4D27-B5B2-C95EACC8ABEC}"/>
          </ac:spMkLst>
        </pc:spChg>
        <pc:spChg chg="mod">
          <ac:chgData name="Bianchi, Sascha" userId="b6c31fb8-48fb-4302-b2cd-81a24de3ee13" providerId="ADAL" clId="{F8844E89-A23B-4275-A9D1-E24270C63FB0}" dt="2023-02-01T15:06:09.344" v="426"/>
          <ac:spMkLst>
            <pc:docMk/>
            <pc:sldMk cId="475217914" sldId="319"/>
            <ac:spMk id="7" creationId="{BC96CBC7-7652-1C9C-37ED-1E6907C25ABE}"/>
          </ac:spMkLst>
        </pc:spChg>
        <pc:spChg chg="mod">
          <ac:chgData name="Bianchi, Sascha" userId="b6c31fb8-48fb-4302-b2cd-81a24de3ee13" providerId="ADAL" clId="{F8844E89-A23B-4275-A9D1-E24270C63FB0}" dt="2023-02-01T15:06:09.344" v="426"/>
          <ac:spMkLst>
            <pc:docMk/>
            <pc:sldMk cId="475217914" sldId="319"/>
            <ac:spMk id="8" creationId="{F5B72434-F540-9F1F-E0B8-0883107813E6}"/>
          </ac:spMkLst>
        </pc:spChg>
        <pc:spChg chg="mod">
          <ac:chgData name="Bianchi, Sascha" userId="b6c31fb8-48fb-4302-b2cd-81a24de3ee13" providerId="ADAL" clId="{F8844E89-A23B-4275-A9D1-E24270C63FB0}" dt="2023-02-01T15:06:09.344" v="426"/>
          <ac:spMkLst>
            <pc:docMk/>
            <pc:sldMk cId="475217914" sldId="319"/>
            <ac:spMk id="9" creationId="{49E8FBC8-DD51-DB4B-8239-F7737C15B1C1}"/>
          </ac:spMkLst>
        </pc:spChg>
        <pc:spChg chg="mod">
          <ac:chgData name="Bianchi, Sascha" userId="b6c31fb8-48fb-4302-b2cd-81a24de3ee13" providerId="ADAL" clId="{F8844E89-A23B-4275-A9D1-E24270C63FB0}" dt="2023-02-01T15:06:09.344" v="426"/>
          <ac:spMkLst>
            <pc:docMk/>
            <pc:sldMk cId="475217914" sldId="319"/>
            <ac:spMk id="10" creationId="{AA826182-F6F9-A1C1-3696-4C428495D8BC}"/>
          </ac:spMkLst>
        </pc:spChg>
        <pc:spChg chg="add mod">
          <ac:chgData name="Bianchi, Sascha" userId="b6c31fb8-48fb-4302-b2cd-81a24de3ee13" providerId="ADAL" clId="{F8844E89-A23B-4275-A9D1-E24270C63FB0}" dt="2023-02-01T15:06:09.344" v="426"/>
          <ac:spMkLst>
            <pc:docMk/>
            <pc:sldMk cId="475217914" sldId="319"/>
            <ac:spMk id="12" creationId="{36A643C3-D2DA-0495-061E-74A67564E189}"/>
          </ac:spMkLst>
        </pc:spChg>
        <pc:spChg chg="add mod">
          <ac:chgData name="Bianchi, Sascha" userId="b6c31fb8-48fb-4302-b2cd-81a24de3ee13" providerId="ADAL" clId="{F8844E89-A23B-4275-A9D1-E24270C63FB0}" dt="2023-02-01T15:06:09.344" v="426"/>
          <ac:spMkLst>
            <pc:docMk/>
            <pc:sldMk cId="475217914" sldId="319"/>
            <ac:spMk id="13" creationId="{9CC4B9B5-DEF4-9EEA-5FB1-DC92CFCABBB3}"/>
          </ac:spMkLst>
        </pc:spChg>
        <pc:spChg chg="add mod">
          <ac:chgData name="Bianchi, Sascha" userId="b6c31fb8-48fb-4302-b2cd-81a24de3ee13" providerId="ADAL" clId="{F8844E89-A23B-4275-A9D1-E24270C63FB0}" dt="2023-02-01T15:06:09.344" v="426"/>
          <ac:spMkLst>
            <pc:docMk/>
            <pc:sldMk cId="475217914" sldId="319"/>
            <ac:spMk id="15" creationId="{40DC39C0-771A-385F-6DD5-A2987213C9D5}"/>
          </ac:spMkLst>
        </pc:spChg>
        <pc:spChg chg="add mod">
          <ac:chgData name="Bianchi, Sascha" userId="b6c31fb8-48fb-4302-b2cd-81a24de3ee13" providerId="ADAL" clId="{F8844E89-A23B-4275-A9D1-E24270C63FB0}" dt="2023-02-08T10:35:31.012" v="548" actId="20577"/>
          <ac:spMkLst>
            <pc:docMk/>
            <pc:sldMk cId="475217914" sldId="319"/>
            <ac:spMk id="16" creationId="{4F584E3A-89CA-0EAA-68F4-685A151D56A6}"/>
          </ac:spMkLst>
        </pc:spChg>
        <pc:spChg chg="add mod">
          <ac:chgData name="Bianchi, Sascha" userId="b6c31fb8-48fb-4302-b2cd-81a24de3ee13" providerId="ADAL" clId="{F8844E89-A23B-4275-A9D1-E24270C63FB0}" dt="2023-02-01T15:06:09.344" v="426"/>
          <ac:spMkLst>
            <pc:docMk/>
            <pc:sldMk cId="475217914" sldId="319"/>
            <ac:spMk id="18" creationId="{98B48B70-1CD4-7DB1-77C4-812E0F2F4EEC}"/>
          </ac:spMkLst>
        </pc:spChg>
        <pc:spChg chg="add mod">
          <ac:chgData name="Bianchi, Sascha" userId="b6c31fb8-48fb-4302-b2cd-81a24de3ee13" providerId="ADAL" clId="{F8844E89-A23B-4275-A9D1-E24270C63FB0}" dt="2023-02-08T10:35:09.004" v="538" actId="20577"/>
          <ac:spMkLst>
            <pc:docMk/>
            <pc:sldMk cId="475217914" sldId="319"/>
            <ac:spMk id="19" creationId="{01058918-D79B-AAA4-475B-F53A754CD668}"/>
          </ac:spMkLst>
        </pc:spChg>
        <pc:spChg chg="add mod">
          <ac:chgData name="Bianchi, Sascha" userId="b6c31fb8-48fb-4302-b2cd-81a24de3ee13" providerId="ADAL" clId="{F8844E89-A23B-4275-A9D1-E24270C63FB0}" dt="2023-02-01T15:06:09.344" v="426"/>
          <ac:spMkLst>
            <pc:docMk/>
            <pc:sldMk cId="475217914" sldId="319"/>
            <ac:spMk id="21" creationId="{296CAAA4-EEA4-5AF5-736D-AEFE195BD86A}"/>
          </ac:spMkLst>
        </pc:spChg>
        <pc:spChg chg="add mod">
          <ac:chgData name="Bianchi, Sascha" userId="b6c31fb8-48fb-4302-b2cd-81a24de3ee13" providerId="ADAL" clId="{F8844E89-A23B-4275-A9D1-E24270C63FB0}" dt="2023-02-08T10:35:06.159" v="537" actId="20577"/>
          <ac:spMkLst>
            <pc:docMk/>
            <pc:sldMk cId="475217914" sldId="319"/>
            <ac:spMk id="22" creationId="{7C76694D-E566-E1CD-55C9-D6B858EF752B}"/>
          </ac:spMkLst>
        </pc:spChg>
        <pc:spChg chg="add mod">
          <ac:chgData name="Bianchi, Sascha" userId="b6c31fb8-48fb-4302-b2cd-81a24de3ee13" providerId="ADAL" clId="{F8844E89-A23B-4275-A9D1-E24270C63FB0}" dt="2023-02-01T15:07:20.730" v="480" actId="1036"/>
          <ac:spMkLst>
            <pc:docMk/>
            <pc:sldMk cId="475217914" sldId="319"/>
            <ac:spMk id="23" creationId="{FAD16863-DE59-FD81-5371-D2263897B36D}"/>
          </ac:spMkLst>
        </pc:spChg>
        <pc:grpChg chg="add mod">
          <ac:chgData name="Bianchi, Sascha" userId="b6c31fb8-48fb-4302-b2cd-81a24de3ee13" providerId="ADAL" clId="{F8844E89-A23B-4275-A9D1-E24270C63FB0}" dt="2023-02-01T15:06:09.344" v="426"/>
          <ac:grpSpMkLst>
            <pc:docMk/>
            <pc:sldMk cId="475217914" sldId="319"/>
            <ac:grpSpMk id="5" creationId="{2F2921A0-65A0-07D3-8B44-469CEB295FC6}"/>
          </ac:grpSpMkLst>
        </pc:grpChg>
        <pc:graphicFrameChg chg="mod">
          <ac:chgData name="Bianchi, Sascha" userId="b6c31fb8-48fb-4302-b2cd-81a24de3ee13" providerId="ADAL" clId="{F8844E89-A23B-4275-A9D1-E24270C63FB0}" dt="2023-02-01T15:06:09.344" v="426"/>
          <ac:graphicFrameMkLst>
            <pc:docMk/>
            <pc:sldMk cId="475217914" sldId="319"/>
            <ac:graphicFrameMk id="6" creationId="{026E28D7-B2F2-F5A8-59F1-1A1B5CE182AE}"/>
          </ac:graphicFrameMkLst>
        </pc:graphicFrameChg>
        <pc:cxnChg chg="add mod">
          <ac:chgData name="Bianchi, Sascha" userId="b6c31fb8-48fb-4302-b2cd-81a24de3ee13" providerId="ADAL" clId="{F8844E89-A23B-4275-A9D1-E24270C63FB0}" dt="2023-02-01T15:06:09.344" v="426"/>
          <ac:cxnSpMkLst>
            <pc:docMk/>
            <pc:sldMk cId="475217914" sldId="319"/>
            <ac:cxnSpMk id="11" creationId="{1DF385D9-2996-C7E3-5260-F5741A091BFA}"/>
          </ac:cxnSpMkLst>
        </pc:cxnChg>
        <pc:cxnChg chg="add mod">
          <ac:chgData name="Bianchi, Sascha" userId="b6c31fb8-48fb-4302-b2cd-81a24de3ee13" providerId="ADAL" clId="{F8844E89-A23B-4275-A9D1-E24270C63FB0}" dt="2023-02-01T15:06:09.344" v="426"/>
          <ac:cxnSpMkLst>
            <pc:docMk/>
            <pc:sldMk cId="475217914" sldId="319"/>
            <ac:cxnSpMk id="14" creationId="{E587C16A-49A2-19AA-99A1-72D6BEAB5545}"/>
          </ac:cxnSpMkLst>
        </pc:cxnChg>
        <pc:cxnChg chg="add mod">
          <ac:chgData name="Bianchi, Sascha" userId="b6c31fb8-48fb-4302-b2cd-81a24de3ee13" providerId="ADAL" clId="{F8844E89-A23B-4275-A9D1-E24270C63FB0}" dt="2023-02-01T15:06:09.344" v="426"/>
          <ac:cxnSpMkLst>
            <pc:docMk/>
            <pc:sldMk cId="475217914" sldId="319"/>
            <ac:cxnSpMk id="17" creationId="{03380D44-DE69-0F98-7CEB-021D3235DC4C}"/>
          </ac:cxnSpMkLst>
        </pc:cxnChg>
        <pc:cxnChg chg="add mod">
          <ac:chgData name="Bianchi, Sascha" userId="b6c31fb8-48fb-4302-b2cd-81a24de3ee13" providerId="ADAL" clId="{F8844E89-A23B-4275-A9D1-E24270C63FB0}" dt="2023-02-01T15:06:09.344" v="426"/>
          <ac:cxnSpMkLst>
            <pc:docMk/>
            <pc:sldMk cId="475217914" sldId="319"/>
            <ac:cxnSpMk id="20" creationId="{832BC26C-C837-B0B7-1508-65099850472C}"/>
          </ac:cxnSpMkLst>
        </pc:cxnChg>
      </pc:sldChg>
    </pc:docChg>
  </pc:docChgLst>
  <pc:docChgLst>
    <pc:chgData name="Bianchi, Sascha" userId="S::sascha.bianchi@unisg.ch::b6c31fb8-48fb-4302-b2cd-81a24de3ee13" providerId="AD" clId="Web-{7AC74F95-5A55-4DCE-49D0-88C1B12CDB40}"/>
    <pc:docChg chg="modSld">
      <pc:chgData name="Bianchi, Sascha" userId="S::sascha.bianchi@unisg.ch::b6c31fb8-48fb-4302-b2cd-81a24de3ee13" providerId="AD" clId="Web-{7AC74F95-5A55-4DCE-49D0-88C1B12CDB40}" dt="2023-02-01T15:09:23.218" v="1" actId="20577"/>
      <pc:docMkLst>
        <pc:docMk/>
      </pc:docMkLst>
      <pc:sldChg chg="modSp">
        <pc:chgData name="Bianchi, Sascha" userId="S::sascha.bianchi@unisg.ch::b6c31fb8-48fb-4302-b2cd-81a24de3ee13" providerId="AD" clId="Web-{7AC74F95-5A55-4DCE-49D0-88C1B12CDB40}" dt="2023-02-01T15:09:23.218" v="1" actId="20577"/>
        <pc:sldMkLst>
          <pc:docMk/>
          <pc:sldMk cId="1400733318" sldId="317"/>
        </pc:sldMkLst>
        <pc:spChg chg="mod">
          <ac:chgData name="Bianchi, Sascha" userId="S::sascha.bianchi@unisg.ch::b6c31fb8-48fb-4302-b2cd-81a24de3ee13" providerId="AD" clId="Web-{7AC74F95-5A55-4DCE-49D0-88C1B12CDB40}" dt="2023-02-01T15:09:23.218" v="1" actId="20577"/>
          <ac:spMkLst>
            <pc:docMk/>
            <pc:sldMk cId="1400733318" sldId="317"/>
            <ac:spMk id="3" creationId="{5DEDF9D5-891E-4023-0D24-2C8AA965A8C5}"/>
          </ac:spMkLst>
        </pc:spChg>
      </pc:sldChg>
    </pc:docChg>
  </pc:docChgLst>
  <pc:docChgLst>
    <pc:chgData name="Bianchi, Sascha" userId="S::sascha.bianchi@unisg.ch::b6c31fb8-48fb-4302-b2cd-81a24de3ee13" providerId="AD" clId="Web-{843FD8CE-61FA-8F46-24CC-C29205F2B331}"/>
    <pc:docChg chg="modSld">
      <pc:chgData name="Bianchi, Sascha" userId="S::sascha.bianchi@unisg.ch::b6c31fb8-48fb-4302-b2cd-81a24de3ee13" providerId="AD" clId="Web-{843FD8CE-61FA-8F46-24CC-C29205F2B331}" dt="2023-01-19T10:17:01.167" v="0"/>
      <pc:docMkLst>
        <pc:docMk/>
      </pc:docMkLst>
      <pc:sldChg chg="delSp">
        <pc:chgData name="Bianchi, Sascha" userId="S::sascha.bianchi@unisg.ch::b6c31fb8-48fb-4302-b2cd-81a24de3ee13" providerId="AD" clId="Web-{843FD8CE-61FA-8F46-24CC-C29205F2B331}" dt="2023-01-19T10:17:01.167" v="0"/>
        <pc:sldMkLst>
          <pc:docMk/>
          <pc:sldMk cId="3731426942" sldId="278"/>
        </pc:sldMkLst>
        <pc:spChg chg="del">
          <ac:chgData name="Bianchi, Sascha" userId="S::sascha.bianchi@unisg.ch::b6c31fb8-48fb-4302-b2cd-81a24de3ee13" providerId="AD" clId="Web-{843FD8CE-61FA-8F46-24CC-C29205F2B331}" dt="2023-01-19T10:17:01.167" v="0"/>
          <ac:spMkLst>
            <pc:docMk/>
            <pc:sldMk cId="3731426942" sldId="278"/>
            <ac:spMk id="4" creationId="{228042E6-477B-48DC-8FB4-1F570A2C8A93}"/>
          </ac:spMkLst>
        </pc:spChg>
      </pc:sldChg>
    </pc:docChg>
  </pc:docChgLst>
</pc:chgInfo>
</file>

<file path=ppt/charts/_rels/chart1.xml.rels><?xml version="1.0" encoding="UTF-8" standalone="yes"?>
<Relationships xmlns="http://schemas.openxmlformats.org/package/2006/relationships"><Relationship Id="rId1" Type="http://schemas.openxmlformats.org/officeDocument/2006/relationships/package" Target="../embeddings/Microsoft_Office_Excel_131_9EBBE664.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e-DE"/>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doughnutChart>
        <c:varyColors val="1"/>
        <c:ser>
          <c:idx val="0"/>
          <c:order val="0"/>
          <c:tx>
            <c:strRef>
              <c:f>Sheet1!$B$1</c:f>
              <c:strCache>
                <c:ptCount val="1"/>
                <c:pt idx="0">
                  <c:v>Sales</c:v>
                </c:pt>
              </c:strCache>
            </c:strRef>
          </c:tx>
          <c:spPr>
            <a:solidFill>
              <a:srgbClr val="53B441"/>
            </a:solidFill>
          </c:spPr>
          <c:dPt>
            <c:idx val="0"/>
            <c:bubble3D val="0"/>
            <c:spPr>
              <a:solidFill>
                <a:schemeClr val="accent1"/>
              </a:solidFill>
              <a:ln w="19050">
                <a:solidFill>
                  <a:schemeClr val="lt1"/>
                </a:solidFill>
              </a:ln>
              <a:effectLst/>
            </c:spPr>
            <c:extLst>
              <c:ext xmlns:c16="http://schemas.microsoft.com/office/drawing/2014/chart" uri="{C3380CC4-5D6E-409C-BE32-E72D297353CC}">
                <c16:uniqueId val="{00000001-F24C-42D4-BDF1-F542C2AFA090}"/>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F24C-42D4-BDF1-F542C2AFA090}"/>
              </c:ext>
            </c:extLst>
          </c:dPt>
          <c:dPt>
            <c:idx val="2"/>
            <c:bubble3D val="0"/>
            <c:spPr>
              <a:solidFill>
                <a:schemeClr val="accent4"/>
              </a:solidFill>
              <a:ln w="19050">
                <a:solidFill>
                  <a:schemeClr val="lt1"/>
                </a:solidFill>
              </a:ln>
              <a:effectLst/>
            </c:spPr>
            <c:extLst>
              <c:ext xmlns:c16="http://schemas.microsoft.com/office/drawing/2014/chart" uri="{C3380CC4-5D6E-409C-BE32-E72D297353CC}">
                <c16:uniqueId val="{00000005-F24C-42D4-BDF1-F542C2AFA090}"/>
              </c:ext>
            </c:extLst>
          </c:dPt>
          <c:dPt>
            <c:idx val="3"/>
            <c:bubble3D val="0"/>
            <c:spPr>
              <a:solidFill>
                <a:schemeClr val="accent3"/>
              </a:solidFill>
              <a:ln w="19050">
                <a:solidFill>
                  <a:schemeClr val="lt1"/>
                </a:solidFill>
              </a:ln>
              <a:effectLst/>
            </c:spPr>
            <c:extLst>
              <c:ext xmlns:c16="http://schemas.microsoft.com/office/drawing/2014/chart" uri="{C3380CC4-5D6E-409C-BE32-E72D297353CC}">
                <c16:uniqueId val="{00000007-F24C-42D4-BDF1-F542C2AFA090}"/>
              </c:ext>
            </c:extLst>
          </c:dPt>
          <c:dPt>
            <c:idx val="4"/>
            <c:bubble3D val="0"/>
            <c:spPr>
              <a:solidFill>
                <a:srgbClr val="53B441"/>
              </a:solidFill>
              <a:ln w="19050">
                <a:solidFill>
                  <a:schemeClr val="lt1"/>
                </a:solidFill>
              </a:ln>
              <a:effectLst/>
            </c:spPr>
            <c:extLst>
              <c:ext xmlns:c16="http://schemas.microsoft.com/office/drawing/2014/chart" uri="{C3380CC4-5D6E-409C-BE32-E72D297353CC}">
                <c16:uniqueId val="{00000009-F24C-42D4-BDF1-F542C2AFA090}"/>
              </c:ext>
            </c:extLst>
          </c:dPt>
          <c:cat>
            <c:strRef>
              <c:f>Sheet1!$A$2:$A$6</c:f>
              <c:strCache>
                <c:ptCount val="4"/>
                <c:pt idx="0">
                  <c:v>1st Qtr</c:v>
                </c:pt>
                <c:pt idx="1">
                  <c:v>2nd Qtr</c:v>
                </c:pt>
                <c:pt idx="2">
                  <c:v>10</c:v>
                </c:pt>
                <c:pt idx="3">
                  <c:v>4th Qtr</c:v>
                </c:pt>
              </c:strCache>
            </c:strRef>
          </c:cat>
          <c:val>
            <c:numRef>
              <c:f>Sheet1!$B$2:$B$6</c:f>
              <c:numCache>
                <c:formatCode>General</c:formatCode>
                <c:ptCount val="5"/>
                <c:pt idx="0">
                  <c:v>10</c:v>
                </c:pt>
                <c:pt idx="1">
                  <c:v>10</c:v>
                </c:pt>
                <c:pt idx="2">
                  <c:v>10</c:v>
                </c:pt>
                <c:pt idx="3">
                  <c:v>10</c:v>
                </c:pt>
              </c:numCache>
            </c:numRef>
          </c:val>
          <c:extLst>
            <c:ext xmlns:c16="http://schemas.microsoft.com/office/drawing/2014/chart" uri="{C3380CC4-5D6E-409C-BE32-E72D297353CC}">
              <c16:uniqueId val="{0000000A-F24C-42D4-BDF1-F542C2AFA090}"/>
            </c:ext>
          </c:extLst>
        </c:ser>
        <c:dLbls>
          <c:showLegendKey val="0"/>
          <c:showVal val="0"/>
          <c:showCatName val="0"/>
          <c:showSerName val="0"/>
          <c:showPercent val="0"/>
          <c:showBubbleSize val="0"/>
          <c:showLeaderLines val="0"/>
        </c:dLbls>
        <c:firstSliceAng val="0"/>
        <c:holeSize val="50"/>
      </c:doughnutChart>
      <c:spPr>
        <a:noFill/>
        <a:ln>
          <a:noFill/>
        </a:ln>
        <a:effectLst/>
      </c:spPr>
    </c:plotArea>
    <c:plotVisOnly val="1"/>
    <c:dispBlanksAs val="zero"/>
    <c:showDLblsOverMax val="0"/>
  </c:chart>
  <c:spPr>
    <a:noFill/>
    <a:ln>
      <a:noFill/>
    </a:ln>
    <a:effectLst/>
  </c:spPr>
  <c:txPr>
    <a:bodyPr/>
    <a:lstStyle/>
    <a:p>
      <a:pPr>
        <a:defRPr/>
      </a:pPr>
      <a:endParaRPr lang="de-DE"/>
    </a:p>
  </c:txPr>
  <c:externalData r:id="rId1">
    <c:autoUpdate val="0"/>
  </c:externalData>
</c:chartSpac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F45CE27-0FC1-4345-A9D1-813E9F3C96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a:extLst>
              <a:ext uri="{FF2B5EF4-FFF2-40B4-BE49-F238E27FC236}">
                <a16:creationId xmlns:a16="http://schemas.microsoft.com/office/drawing/2014/main" id="{04FAFF02-ADA2-494F-92F2-18E0CD47E82F}"/>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BF4C96F-5C6D-48ED-8D42-B768302B23AD}" type="datetimeFigureOut">
              <a:rPr lang="de-CH" smtClean="0"/>
              <a:t>08.02.2023</a:t>
            </a:fld>
            <a:endParaRPr lang="de-CH"/>
          </a:p>
        </p:txBody>
      </p:sp>
      <p:sp>
        <p:nvSpPr>
          <p:cNvPr id="4" name="Footer Placeholder 3">
            <a:extLst>
              <a:ext uri="{FF2B5EF4-FFF2-40B4-BE49-F238E27FC236}">
                <a16:creationId xmlns:a16="http://schemas.microsoft.com/office/drawing/2014/main" id="{84D7311C-885A-4219-9687-E8E9C81D3481}"/>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5" name="Slide Number Placeholder 4">
            <a:extLst>
              <a:ext uri="{FF2B5EF4-FFF2-40B4-BE49-F238E27FC236}">
                <a16:creationId xmlns:a16="http://schemas.microsoft.com/office/drawing/2014/main" id="{88755352-F100-4DC1-827B-1EFA0F247A07}"/>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F76BEFE-BF9F-47C0-9B2B-37E6860B00C1}" type="slidenum">
              <a:rPr lang="de-CH" smtClean="0"/>
              <a:t>‹Nr.›</a:t>
            </a:fld>
            <a:endParaRPr lang="de-CH"/>
          </a:p>
        </p:txBody>
      </p:sp>
    </p:spTree>
    <p:extLst>
      <p:ext uri="{BB962C8B-B14F-4D97-AF65-F5344CB8AC3E}">
        <p14:creationId xmlns:p14="http://schemas.microsoft.com/office/powerpoint/2010/main" val="12454366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e-CH"/>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36D3A44-FA09-4C0A-99A6-1BA009890161}" type="datetimeFigureOut">
              <a:rPr lang="de-CH" smtClean="0"/>
              <a:t>08.02.2023</a:t>
            </a:fld>
            <a:endParaRPr lang="de-CH"/>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e-CH"/>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e-CH"/>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e-CH"/>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9EFE3F1-1C0D-4780-BCDC-4F7033F6C9E1}" type="slidenum">
              <a:rPr lang="de-CH" smtClean="0"/>
              <a:t>‹Nr.›</a:t>
            </a:fld>
            <a:endParaRPr lang="de-CH"/>
          </a:p>
        </p:txBody>
      </p:sp>
    </p:spTree>
    <p:extLst>
      <p:ext uri="{BB962C8B-B14F-4D97-AF65-F5344CB8AC3E}">
        <p14:creationId xmlns:p14="http://schemas.microsoft.com/office/powerpoint/2010/main" val="88721883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1">
    <p:bg>
      <p:bgPr>
        <a:solidFill>
          <a:schemeClr val="bg1"/>
        </a:solidFill>
        <a:effectLst/>
      </p:bgPr>
    </p:bg>
    <p:spTree>
      <p:nvGrpSpPr>
        <p:cNvPr id="1" name=""/>
        <p:cNvGrpSpPr/>
        <p:nvPr/>
      </p:nvGrpSpPr>
      <p:grpSpPr>
        <a:xfrm>
          <a:off x="0" y="0"/>
          <a:ext cx="0" cy="0"/>
          <a:chOff x="0" y="0"/>
          <a:chExt cx="0" cy="0"/>
        </a:xfrm>
      </p:grpSpPr>
      <p:pic>
        <p:nvPicPr>
          <p:cNvPr id="13" name="Picture 12" descr="A picture containing skating, building, ramp, board&#10;&#10;Description automatically generated">
            <a:extLst>
              <a:ext uri="{FF2B5EF4-FFF2-40B4-BE49-F238E27FC236}">
                <a16:creationId xmlns:a16="http://schemas.microsoft.com/office/drawing/2014/main" id="{9F7E1813-5682-4AAE-8DC8-5A613DE12B9F}"/>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2479" r="7910" b="19850"/>
          <a:stretch/>
        </p:blipFill>
        <p:spPr>
          <a:xfrm>
            <a:off x="0" y="0"/>
            <a:ext cx="9136420" cy="5143500"/>
          </a:xfrm>
          <a:prstGeom prst="rect">
            <a:avLst/>
          </a:prstGeom>
        </p:spPr>
      </p:pic>
      <p:sp>
        <p:nvSpPr>
          <p:cNvPr id="11" name="Freeform: Shape 10">
            <a:extLst>
              <a:ext uri="{FF2B5EF4-FFF2-40B4-BE49-F238E27FC236}">
                <a16:creationId xmlns:a16="http://schemas.microsoft.com/office/drawing/2014/main" id="{43D7A234-EBF8-4A9A-ACFF-4329BD747ADC}"/>
              </a:ext>
            </a:extLst>
          </p:cNvPr>
          <p:cNvSpPr>
            <a:spLocks noChangeAspect="1"/>
          </p:cNvSpPr>
          <p:nvPr userDrawn="1"/>
        </p:nvSpPr>
        <p:spPr>
          <a:xfrm>
            <a:off x="4575791" y="3166310"/>
            <a:ext cx="456821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4" name="TextBox 13">
            <a:extLst>
              <a:ext uri="{FF2B5EF4-FFF2-40B4-BE49-F238E27FC236}">
                <a16:creationId xmlns:a16="http://schemas.microsoft.com/office/drawing/2014/main" id="{69B6FC2A-29C4-4742-B32D-604659C0CB22}"/>
              </a:ext>
            </a:extLst>
          </p:cNvPr>
          <p:cNvSpPr txBox="1"/>
          <p:nvPr userDrawn="1"/>
        </p:nvSpPr>
        <p:spPr>
          <a:xfrm>
            <a:off x="6789318" y="4613375"/>
            <a:ext cx="1995907" cy="153888"/>
          </a:xfrm>
          <a:prstGeom prst="rect">
            <a:avLst/>
          </a:prstGeom>
          <a:noFill/>
        </p:spPr>
        <p:txBody>
          <a:bodyPr wrap="square" lIns="0" tIns="0" rIns="0" bIns="0" rtlCol="0">
            <a:spAutoFit/>
          </a:bodyPr>
          <a:lstStyle/>
          <a:p>
            <a:pPr algn="r"/>
            <a:r>
              <a:rPr lang="de-CH" sz="1000">
                <a:solidFill>
                  <a:schemeClr val="bg2"/>
                </a:solidFill>
              </a:rPr>
              <a:t>From </a:t>
            </a:r>
            <a:r>
              <a:rPr lang="de-CH" sz="1000" err="1">
                <a:solidFill>
                  <a:schemeClr val="bg2"/>
                </a:solidFill>
              </a:rPr>
              <a:t>insight</a:t>
            </a:r>
            <a:r>
              <a:rPr lang="de-CH" sz="1000">
                <a:solidFill>
                  <a:schemeClr val="bg2"/>
                </a:solidFill>
              </a:rPr>
              <a:t> </a:t>
            </a:r>
            <a:r>
              <a:rPr lang="de-CH" sz="1000" err="1">
                <a:solidFill>
                  <a:schemeClr val="bg2"/>
                </a:solidFill>
              </a:rPr>
              <a:t>to</a:t>
            </a:r>
            <a:r>
              <a:rPr lang="de-CH" sz="1000">
                <a:solidFill>
                  <a:schemeClr val="bg2"/>
                </a:solidFill>
              </a:rPr>
              <a:t> </a:t>
            </a:r>
            <a:r>
              <a:rPr lang="de-CH" sz="1000" err="1">
                <a:solidFill>
                  <a:schemeClr val="bg2"/>
                </a:solidFill>
              </a:rPr>
              <a:t>impact</a:t>
            </a:r>
            <a:r>
              <a:rPr lang="de-CH" sz="1000">
                <a:solidFill>
                  <a:schemeClr val="bg2"/>
                </a:solidFill>
              </a:rPr>
              <a:t>.</a:t>
            </a:r>
          </a:p>
        </p:txBody>
      </p:sp>
      <p:pic>
        <p:nvPicPr>
          <p:cNvPr id="1424953539" name="Rectangle 2" descr="{&quot;templafy&quot;:{&quot;id&quot;:&quot;00eb18f4-aff2-4d3d-abc8-d22d0dd90ecf&quot;}}"/>
          <p:cNvPicPr>
            <a:picLocks noChangeAspect="1"/>
          </p:cNvPicPr>
          <p:nvPr/>
        </p:nvPicPr>
        <p:blipFill>
          <a:blip r:embed="rId3"/>
          <a:stretch>
            <a:fillRect/>
          </a:stretch>
        </p:blipFill>
        <p:spPr>
          <a:xfrm>
            <a:off x="361173" y="313025"/>
            <a:ext cx="2088000" cy="633600"/>
          </a:xfrm>
          <a:prstGeom prst="rect">
            <a:avLst/>
          </a:prstGeom>
        </p:spPr>
      </p:pic>
      <p:sp>
        <p:nvSpPr>
          <p:cNvPr id="5" name="Title 4">
            <a:extLst>
              <a:ext uri="{FF2B5EF4-FFF2-40B4-BE49-F238E27FC236}">
                <a16:creationId xmlns:a16="http://schemas.microsoft.com/office/drawing/2014/main" id="{A891F29F-BED8-4555-9938-829D3AC33287}"/>
              </a:ext>
            </a:extLst>
          </p:cNvPr>
          <p:cNvSpPr>
            <a:spLocks noGrp="1"/>
          </p:cNvSpPr>
          <p:nvPr>
            <p:ph type="title"/>
          </p:nvPr>
        </p:nvSpPr>
        <p:spPr>
          <a:xfrm>
            <a:off x="827015" y="1098178"/>
            <a:ext cx="7958210" cy="1792800"/>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3654089-CB0E-4321-8557-8E0B4ACD847A}"/>
              </a:ext>
            </a:extLst>
          </p:cNvPr>
          <p:cNvSpPr>
            <a:spLocks noGrp="1"/>
          </p:cNvSpPr>
          <p:nvPr>
            <p:ph type="body" sz="quarter" idx="10"/>
          </p:nvPr>
        </p:nvSpPr>
        <p:spPr>
          <a:xfrm>
            <a:off x="831027" y="3123868"/>
            <a:ext cx="3650486" cy="1356057"/>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Tree>
    <p:extLst>
      <p:ext uri="{BB962C8B-B14F-4D97-AF65-F5344CB8AC3E}">
        <p14:creationId xmlns:p14="http://schemas.microsoft.com/office/powerpoint/2010/main" val="150576515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Zwei Bilder mit Legende">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FFEC9FF2-0829-44EA-809D-F5C42173624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7" name="Slide Number Placeholder 6">
            <a:extLst>
              <a:ext uri="{FF2B5EF4-FFF2-40B4-BE49-F238E27FC236}">
                <a16:creationId xmlns:a16="http://schemas.microsoft.com/office/drawing/2014/main" id="{7AD794AC-1E69-4E4D-9E6D-26F34827B225}"/>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0" y="0"/>
            <a:ext cx="4571999" cy="3887599"/>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0"/>
            <a:ext cx="4572000" cy="3887599"/>
          </a:xfrm>
        </p:spPr>
        <p:txBody>
          <a:bodyPr/>
          <a:lstStyle/>
          <a:p>
            <a:r>
              <a:rPr lang="de-CH"/>
              <a:t>Click icon to add picture</a:t>
            </a:r>
          </a:p>
        </p:txBody>
      </p:sp>
      <p:sp>
        <p:nvSpPr>
          <p:cNvPr id="4" name="Text Placeholder 3">
            <a:extLst>
              <a:ext uri="{FF2B5EF4-FFF2-40B4-BE49-F238E27FC236}">
                <a16:creationId xmlns:a16="http://schemas.microsoft.com/office/drawing/2014/main" id="{C19FAD45-6EEE-4522-8CA6-5189DCDD487C}"/>
              </a:ext>
            </a:extLst>
          </p:cNvPr>
          <p:cNvSpPr>
            <a:spLocks noGrp="1"/>
          </p:cNvSpPr>
          <p:nvPr>
            <p:ph type="body" sz="quarter" idx="16"/>
          </p:nvPr>
        </p:nvSpPr>
        <p:spPr>
          <a:xfrm>
            <a:off x="358775" y="3989388"/>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sp>
        <p:nvSpPr>
          <p:cNvPr id="12" name="Text Placeholder 3">
            <a:extLst>
              <a:ext uri="{FF2B5EF4-FFF2-40B4-BE49-F238E27FC236}">
                <a16:creationId xmlns:a16="http://schemas.microsoft.com/office/drawing/2014/main" id="{447F9A9E-BA08-4C8F-96E1-0E7C7D71B398}"/>
              </a:ext>
            </a:extLst>
          </p:cNvPr>
          <p:cNvSpPr>
            <a:spLocks noGrp="1"/>
          </p:cNvSpPr>
          <p:nvPr>
            <p:ph type="body" sz="quarter" idx="17"/>
          </p:nvPr>
        </p:nvSpPr>
        <p:spPr>
          <a:xfrm>
            <a:off x="4662487" y="3989387"/>
            <a:ext cx="4122738" cy="490537"/>
          </a:xfrm>
        </p:spPr>
        <p:txBody>
          <a:bodyPr anchor="b">
            <a:normAutofit/>
          </a:bodyPr>
          <a:lstStyle>
            <a:lvl1pPr marL="0" indent="0">
              <a:buFont typeface="Arial" panose="020B0604020202020204" pitchFamily="34" charset="0"/>
              <a:buNone/>
              <a:defRPr sz="1400"/>
            </a:lvl1pPr>
            <a:lvl2pPr marL="0" indent="0">
              <a:buNone/>
              <a:defRPr sz="1400"/>
            </a:lvl2pPr>
            <a:lvl3pPr marL="0" indent="0">
              <a:buNone/>
              <a:defRPr sz="1400"/>
            </a:lvl3pPr>
            <a:lvl4pPr marL="0" indent="0">
              <a:buNone/>
              <a:defRPr sz="1400"/>
            </a:lvl4pPr>
            <a:lvl5pPr marL="0" indent="0">
              <a:buFont typeface="Arial" panose="020B0604020202020204" pitchFamily="34" charset="0"/>
              <a:buNone/>
              <a:defRPr sz="1400"/>
            </a:lvl5pPr>
          </a:lstStyle>
          <a:p>
            <a:pPr lvl="0"/>
            <a:r>
              <a:rPr lang="de-CH"/>
              <a:t>Click to edit Master text styles</a:t>
            </a:r>
          </a:p>
        </p:txBody>
      </p:sp>
      <p:sp>
        <p:nvSpPr>
          <p:cNvPr id="13" name="Rectangle 12" descr="{&quot;templafy&quot;:{&quot;id&quot;:&quot;b0fb3f1d-7f7a-4022-b0e4-5246b4615209&quot;}}">
            <a:extLst>
              <a:ext uri="{FF2B5EF4-FFF2-40B4-BE49-F238E27FC236}">
                <a16:creationId xmlns:a16="http://schemas.microsoft.com/office/drawing/2014/main" id="{9387BB4B-AFF2-4440-B25E-89CDD9B79F05}"/>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9. Januar 2023</a:t>
            </a:r>
          </a:p>
        </p:txBody>
      </p:sp>
      <p:pic>
        <p:nvPicPr>
          <p:cNvPr id="1234228894" name="Rectangle 14" descr="{&quot;templafy&quot;:{&quot;id&quot;:&quot;05290a3d-b50b-4a50-97c3-5870525d4a4c&quot;}}"/>
          <p:cNvPicPr>
            <a:picLocks noChangeAspect="1"/>
          </p:cNvPicPr>
          <p:nvPr/>
        </p:nvPicPr>
        <p:blipFill>
          <a:blip r:embed="rId2"/>
          <a:stretch>
            <a:fillRect/>
          </a:stretch>
        </p:blipFill>
        <p:spPr>
          <a:xfrm>
            <a:off x="358775" y="4668427"/>
            <a:ext cx="964800" cy="291600"/>
          </a:xfrm>
          <a:prstGeom prst="rect">
            <a:avLst/>
          </a:prstGeom>
        </p:spPr>
      </p:pic>
      <p:sp>
        <p:nvSpPr>
          <p:cNvPr id="14" name="Rectangle 13" descr="{&quot;templafy&quot;:{&quot;id&quot;:&quot;ac57f8c0-9776-4619-9328-f7533212a109&quot;}}">
            <a:extLst>
              <a:ext uri="{FF2B5EF4-FFF2-40B4-BE49-F238E27FC236}">
                <a16:creationId xmlns:a16="http://schemas.microsoft.com/office/drawing/2014/main" id="{EF755AF0-F63E-4747-9211-327C44DA029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16" name="Rectangle 15" descr="{&quot;templafy&quot;:{&quot;id&quot;:&quot;92c676b3-950e-4bbe-b87a-5fe67cd169a0&quot;}}" hidden="1">
            <a:extLst>
              <a:ext uri="{FF2B5EF4-FFF2-40B4-BE49-F238E27FC236}">
                <a16:creationId xmlns:a16="http://schemas.microsoft.com/office/drawing/2014/main" id="{97ACC166-7757-4B59-A180-1D797D03E7B1}"/>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HSG Alumni</a:t>
            </a:r>
          </a:p>
        </p:txBody>
      </p:sp>
    </p:spTree>
    <p:extLst>
      <p:ext uri="{BB962C8B-B14F-4D97-AF65-F5344CB8AC3E}">
        <p14:creationId xmlns:p14="http://schemas.microsoft.com/office/powerpoint/2010/main" val="208120137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Nur Titel">
    <p:spTree>
      <p:nvGrpSpPr>
        <p:cNvPr id="1" name=""/>
        <p:cNvGrpSpPr/>
        <p:nvPr/>
      </p:nvGrpSpPr>
      <p:grpSpPr>
        <a:xfrm>
          <a:off x="0" y="0"/>
          <a:ext cx="0" cy="0"/>
          <a:chOff x="0" y="0"/>
          <a:chExt cx="0" cy="0"/>
        </a:xfrm>
      </p:grpSpPr>
      <p:sp>
        <p:nvSpPr>
          <p:cNvPr id="8" name="Freeform: Shape 7">
            <a:extLst>
              <a:ext uri="{FF2B5EF4-FFF2-40B4-BE49-F238E27FC236}">
                <a16:creationId xmlns:a16="http://schemas.microsoft.com/office/drawing/2014/main" id="{BD8E670C-89F1-48DF-ADBA-904A263650AF}"/>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5AFF4CC-30A2-4B7B-BA9D-1A66D47649F5}"/>
              </a:ext>
            </a:extLst>
          </p:cNvPr>
          <p:cNvSpPr>
            <a:spLocks noGrp="1"/>
          </p:cNvSpPr>
          <p:nvPr>
            <p:ph type="title"/>
          </p:nvPr>
        </p:nvSpPr>
        <p:spPr/>
        <p:txBody>
          <a:bodyPr/>
          <a:lstStyle/>
          <a:p>
            <a:r>
              <a:rPr lang="de-CH"/>
              <a:t>Click to edit Master title style</a:t>
            </a:r>
          </a:p>
        </p:txBody>
      </p:sp>
      <p:sp>
        <p:nvSpPr>
          <p:cNvPr id="5" name="Slide Number Placeholder 4">
            <a:extLst>
              <a:ext uri="{FF2B5EF4-FFF2-40B4-BE49-F238E27FC236}">
                <a16:creationId xmlns:a16="http://schemas.microsoft.com/office/drawing/2014/main" id="{C5D39D30-BB72-44AA-B142-468FFB51D75B}"/>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9" name="Rectangle 8" descr="{&quot;templafy&quot;:{&quot;id&quot;:&quot;8b2fa9bf-9a8d-4807-b85c-0226e86810fc&quot;}}">
            <a:extLst>
              <a:ext uri="{FF2B5EF4-FFF2-40B4-BE49-F238E27FC236}">
                <a16:creationId xmlns:a16="http://schemas.microsoft.com/office/drawing/2014/main" id="{137F4E36-F083-4FA0-9705-29ABDA1A5220}"/>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9. Januar 2023</a:t>
            </a:r>
          </a:p>
        </p:txBody>
      </p:sp>
      <p:pic>
        <p:nvPicPr>
          <p:cNvPr id="165521351" name="Rectangle 9" descr="{&quot;templafy&quot;:{&quot;id&quot;:&quot;3b87c6aa-ae4c-4653-97e3-99273782cd53&quot;}}"/>
          <p:cNvPicPr>
            <a:picLocks noChangeAspect="1"/>
          </p:cNvPicPr>
          <p:nvPr/>
        </p:nvPicPr>
        <p:blipFill>
          <a:blip r:embed="rId2"/>
          <a:stretch>
            <a:fillRect/>
          </a:stretch>
        </p:blipFill>
        <p:spPr>
          <a:xfrm>
            <a:off x="358775" y="4668427"/>
            <a:ext cx="964800" cy="291600"/>
          </a:xfrm>
          <a:prstGeom prst="rect">
            <a:avLst/>
          </a:prstGeom>
        </p:spPr>
      </p:pic>
      <p:sp>
        <p:nvSpPr>
          <p:cNvPr id="11" name="Rectangle 10" descr="{&quot;templafy&quot;:{&quot;id&quot;:&quot;016a7a06-210e-47d8-9263-017094529111&quot;}}">
            <a:extLst>
              <a:ext uri="{FF2B5EF4-FFF2-40B4-BE49-F238E27FC236}">
                <a16:creationId xmlns:a16="http://schemas.microsoft.com/office/drawing/2014/main" id="{3ED3541B-0C4B-4AD3-A0FB-BB276047ADC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12" name="Rectangle 11" descr="{&quot;templafy&quot;:{&quot;id&quot;:&quot;d5168af7-f5f4-4342-a187-760e91d2058a&quot;}}" hidden="1">
            <a:extLst>
              <a:ext uri="{FF2B5EF4-FFF2-40B4-BE49-F238E27FC236}">
                <a16:creationId xmlns:a16="http://schemas.microsoft.com/office/drawing/2014/main" id="{87F7EA06-4518-4086-9E1C-ACD1F4782ADD}"/>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HSG Alumni</a:t>
            </a:r>
          </a:p>
        </p:txBody>
      </p:sp>
    </p:spTree>
    <p:extLst>
      <p:ext uri="{BB962C8B-B14F-4D97-AF65-F5344CB8AC3E}">
        <p14:creationId xmlns:p14="http://schemas.microsoft.com/office/powerpoint/2010/main" val="385140316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ild Vollfläch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FC11C186-C392-4982-A2C0-7824EE98FA4F}"/>
              </a:ext>
            </a:extLst>
          </p:cNvPr>
          <p:cNvSpPr>
            <a:spLocks noGrp="1"/>
          </p:cNvSpPr>
          <p:nvPr>
            <p:ph type="pic" sz="quarter" idx="10"/>
          </p:nvPr>
        </p:nvSpPr>
        <p:spPr>
          <a:xfrm>
            <a:off x="0" y="0"/>
            <a:ext cx="9144000" cy="5143500"/>
          </a:xfrm>
        </p:spPr>
        <p:txBody>
          <a:bodyPr/>
          <a:lstStyle/>
          <a:p>
            <a:r>
              <a:rPr lang="de-CH"/>
              <a:t>Click icon to add picture</a:t>
            </a:r>
          </a:p>
        </p:txBody>
      </p:sp>
    </p:spTree>
    <p:extLst>
      <p:ext uri="{BB962C8B-B14F-4D97-AF65-F5344CB8AC3E}">
        <p14:creationId xmlns:p14="http://schemas.microsoft.com/office/powerpoint/2010/main" val="348933411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Zitat schwarze Schrift">
    <p:bg>
      <p:bgPr>
        <a:solidFill>
          <a:schemeClr val="accent2"/>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11041204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itat weisse Schrift">
    <p:bg>
      <p:bgPr>
        <a:solidFill>
          <a:schemeClr val="accent3"/>
        </a:solidFill>
        <a:effectLst/>
      </p:bgPr>
    </p:bg>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E95F94A4-74DF-4FC6-AF8D-8F883B56E718}"/>
              </a:ext>
            </a:extLst>
          </p:cNvPr>
          <p:cNvSpPr>
            <a:spLocks noGrp="1"/>
          </p:cNvSpPr>
          <p:nvPr>
            <p:ph type="body" sz="quarter" idx="10"/>
          </p:nvPr>
        </p:nvSpPr>
        <p:spPr>
          <a:xfrm>
            <a:off x="828000" y="735013"/>
            <a:ext cx="7957225" cy="2525712"/>
          </a:xfrm>
        </p:spPr>
        <p:txBody>
          <a:bodyPr anchor="b">
            <a:normAutofit/>
          </a:bodyPr>
          <a:lstStyle>
            <a:lvl1pPr marL="0">
              <a:lnSpc>
                <a:spcPct val="110000"/>
              </a:lnSpc>
              <a:buFontTx/>
              <a:buNone/>
              <a:defRPr sz="5000">
                <a:solidFill>
                  <a:schemeClr val="tx1"/>
                </a:solidFill>
                <a:latin typeface="Gill Sans Nova Light" panose="020B0302020104020203" pitchFamily="34" charset="0"/>
              </a:defRPr>
            </a:lvl1pPr>
            <a:lvl2pPr marL="0" indent="0">
              <a:lnSpc>
                <a:spcPts val="5200"/>
              </a:lnSpc>
              <a:buFontTx/>
              <a:buNone/>
              <a:defRPr sz="5000">
                <a:solidFill>
                  <a:schemeClr val="tx1"/>
                </a:solidFill>
                <a:latin typeface="Gill Alt One MT Light" panose="020B0302020104020203" pitchFamily="34" charset="0"/>
              </a:defRPr>
            </a:lvl2pPr>
            <a:lvl3pPr marL="0" indent="0">
              <a:lnSpc>
                <a:spcPts val="5200"/>
              </a:lnSpc>
              <a:buFontTx/>
              <a:buNone/>
              <a:defRPr sz="5000">
                <a:solidFill>
                  <a:schemeClr val="tx1"/>
                </a:solidFill>
                <a:latin typeface="Gill Alt One MT Light" panose="020B0302020104020203" pitchFamily="34" charset="0"/>
              </a:defRPr>
            </a:lvl3pPr>
            <a:lvl4pPr marL="0" indent="0">
              <a:lnSpc>
                <a:spcPts val="5200"/>
              </a:lnSpc>
              <a:buFontTx/>
              <a:buNone/>
              <a:defRPr sz="5000">
                <a:solidFill>
                  <a:schemeClr val="tx1"/>
                </a:solidFill>
                <a:latin typeface="Gill Alt One MT Light" panose="020B0302020104020203" pitchFamily="34" charset="0"/>
              </a:defRPr>
            </a:lvl4pPr>
            <a:lvl5pPr marL="0">
              <a:lnSpc>
                <a:spcPts val="5200"/>
              </a:lnSpc>
              <a:buFontTx/>
              <a:buNone/>
              <a:defRPr sz="5000">
                <a:solidFill>
                  <a:schemeClr val="tx1"/>
                </a:solidFill>
                <a:latin typeface="Gill Alt One MT Light" panose="020B0302020104020203" pitchFamily="34" charset="0"/>
              </a:defRPr>
            </a:lvl5pPr>
          </a:lstStyle>
          <a:p>
            <a:pPr lvl="0"/>
            <a:r>
              <a:rPr lang="de-CH"/>
              <a:t>Click to edit Master text styles</a:t>
            </a:r>
          </a:p>
        </p:txBody>
      </p:sp>
      <p:sp>
        <p:nvSpPr>
          <p:cNvPr id="9" name="Text Placeholder 8">
            <a:extLst>
              <a:ext uri="{FF2B5EF4-FFF2-40B4-BE49-F238E27FC236}">
                <a16:creationId xmlns:a16="http://schemas.microsoft.com/office/drawing/2014/main" id="{ED8D12DF-4F43-44AF-B5F9-5E632D8CD53D}"/>
              </a:ext>
            </a:extLst>
          </p:cNvPr>
          <p:cNvSpPr>
            <a:spLocks noGrp="1"/>
          </p:cNvSpPr>
          <p:nvPr>
            <p:ph type="body" sz="quarter" idx="11"/>
          </p:nvPr>
        </p:nvSpPr>
        <p:spPr>
          <a:xfrm>
            <a:off x="827999" y="3548063"/>
            <a:ext cx="5741765" cy="931862"/>
          </a:xfrm>
        </p:spPr>
        <p:txBody>
          <a:bodyPr>
            <a:noAutofit/>
          </a:bodyPr>
          <a:lstStyle>
            <a:lvl1pPr marL="0" indent="0">
              <a:buFont typeface="Arial" panose="020B0604020202020204" pitchFamily="34" charset="0"/>
              <a:buNone/>
              <a:defRPr sz="1800">
                <a:solidFill>
                  <a:schemeClr val="tx1"/>
                </a:solidFill>
              </a:defRPr>
            </a:lvl1pPr>
            <a:lvl2pPr marL="0" indent="0">
              <a:buNone/>
              <a:defRPr sz="1800"/>
            </a:lvl2pPr>
            <a:lvl3pPr marL="0" indent="0">
              <a:buNone/>
              <a:defRPr sz="1800"/>
            </a:lvl3pPr>
            <a:lvl4pPr marL="0" indent="0">
              <a:buNone/>
              <a:defRPr sz="1800"/>
            </a:lvl4pPr>
            <a:lvl5pPr marL="0" indent="0">
              <a:buFont typeface="Arial" panose="020B0604020202020204" pitchFamily="34" charset="0"/>
              <a:buNone/>
              <a:defRPr sz="1800"/>
            </a:lvl5pPr>
          </a:lstStyle>
          <a:p>
            <a:pPr lvl="0"/>
            <a:r>
              <a:rPr lang="de-CH"/>
              <a:t>Click to edit Master text styles</a:t>
            </a:r>
          </a:p>
        </p:txBody>
      </p:sp>
    </p:spTree>
    <p:extLst>
      <p:ext uri="{BB962C8B-B14F-4D97-AF65-F5344CB8AC3E}">
        <p14:creationId xmlns:p14="http://schemas.microsoft.com/office/powerpoint/2010/main" val="381885183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Statement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8000" y="735013"/>
            <a:ext cx="5148000" cy="3728674"/>
          </a:xfrm>
        </p:spPr>
        <p:txBody>
          <a:bodyPr>
            <a:normAutofit/>
          </a:bodyPr>
          <a:lstStyle>
            <a:lvl1pPr>
              <a:lnSpc>
                <a:spcPct val="90000"/>
              </a:lnSpc>
              <a:defRPr sz="7900">
                <a:solidFill>
                  <a:schemeClr val="bg2"/>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855854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tatement 2">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80D1F60-1436-43F1-AAD9-4C2415299607}"/>
              </a:ext>
            </a:extLst>
          </p:cNvPr>
          <p:cNvSpPr>
            <a:spLocks noGrp="1"/>
          </p:cNvSpPr>
          <p:nvPr>
            <p:ph type="title"/>
          </p:nvPr>
        </p:nvSpPr>
        <p:spPr>
          <a:xfrm>
            <a:off x="827998" y="735013"/>
            <a:ext cx="5148000" cy="3728674"/>
          </a:xfrm>
        </p:spPr>
        <p:txBody>
          <a:bodyPr>
            <a:normAutofit/>
          </a:bodyPr>
          <a:lstStyle>
            <a:lvl1pPr>
              <a:lnSpc>
                <a:spcPct val="90000"/>
              </a:lnSpc>
              <a:defRPr sz="7900">
                <a:solidFill>
                  <a:schemeClr val="tx1"/>
                </a:solidFill>
                <a:latin typeface="Gill Sans Nova Light" panose="020B0302020104020203" pitchFamily="34" charset="0"/>
              </a:defRPr>
            </a:lvl1pPr>
          </a:lstStyle>
          <a:p>
            <a:r>
              <a:rPr lang="de-CH"/>
              <a:t>Click to edit Master title style</a:t>
            </a:r>
          </a:p>
        </p:txBody>
      </p:sp>
      <p:sp>
        <p:nvSpPr>
          <p:cNvPr id="11" name="Picture Placeholder 10">
            <a:extLst>
              <a:ext uri="{FF2B5EF4-FFF2-40B4-BE49-F238E27FC236}">
                <a16:creationId xmlns:a16="http://schemas.microsoft.com/office/drawing/2014/main" id="{140949B5-E4F8-48A4-9D3A-2312F9CD4605}"/>
              </a:ext>
            </a:extLst>
          </p:cNvPr>
          <p:cNvSpPr>
            <a:spLocks noGrp="1"/>
          </p:cNvSpPr>
          <p:nvPr>
            <p:ph type="pic" sz="quarter" idx="10"/>
          </p:nvPr>
        </p:nvSpPr>
        <p:spPr>
          <a:xfrm>
            <a:off x="6625225" y="735013"/>
            <a:ext cx="2160000" cy="2160000"/>
          </a:xfrm>
        </p:spPr>
        <p:txBody>
          <a:bodyPr/>
          <a:lstStyle/>
          <a:p>
            <a:r>
              <a:rPr lang="de-CH"/>
              <a:t>Click icon to add picture</a:t>
            </a:r>
          </a:p>
        </p:txBody>
      </p:sp>
    </p:spTree>
    <p:extLst>
      <p:ext uri="{BB962C8B-B14F-4D97-AF65-F5344CB8AC3E}">
        <p14:creationId xmlns:p14="http://schemas.microsoft.com/office/powerpoint/2010/main" val="39024940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Leer">
    <p:spTree>
      <p:nvGrpSpPr>
        <p:cNvPr id="1" name=""/>
        <p:cNvGrpSpPr/>
        <p:nvPr/>
      </p:nvGrpSpPr>
      <p:grpSpPr>
        <a:xfrm>
          <a:off x="0" y="0"/>
          <a:ext cx="0" cy="0"/>
          <a:chOff x="0" y="0"/>
          <a:chExt cx="0" cy="0"/>
        </a:xfrm>
      </p:grpSpPr>
    </p:spTree>
    <p:extLst>
      <p:ext uri="{BB962C8B-B14F-4D97-AF65-F5344CB8AC3E}">
        <p14:creationId xmlns:p14="http://schemas.microsoft.com/office/powerpoint/2010/main" val="357002187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0981B0-6792-4738-ACB8-050730738F15}"/>
              </a:ext>
            </a:extLst>
          </p:cNvPr>
          <p:cNvSpPr>
            <a:spLocks noGrp="1"/>
          </p:cNvSpPr>
          <p:nvPr>
            <p:ph type="title"/>
          </p:nvPr>
        </p:nvSpPr>
        <p:spPr>
          <a:xfrm>
            <a:off x="828000" y="1044000"/>
            <a:ext cx="7957225" cy="685801"/>
          </a:xfrm>
        </p:spPr>
        <p:txBody>
          <a:bodyPr/>
          <a:lstStyle>
            <a:lvl1pPr>
              <a:lnSpc>
                <a:spcPts val="5200"/>
              </a:lnSpc>
              <a:defRPr sz="5000">
                <a:latin typeface="Gill Sans Nova Light" panose="020B0302020104020203" pitchFamily="34" charset="0"/>
              </a:defRPr>
            </a:lvl1pPr>
          </a:lstStyle>
          <a:p>
            <a:r>
              <a:rPr lang="de-CH"/>
              <a:t>Click to edit Master title style</a:t>
            </a:r>
          </a:p>
        </p:txBody>
      </p:sp>
      <p:sp>
        <p:nvSpPr>
          <p:cNvPr id="7" name="Text Placeholder 6">
            <a:extLst>
              <a:ext uri="{FF2B5EF4-FFF2-40B4-BE49-F238E27FC236}">
                <a16:creationId xmlns:a16="http://schemas.microsoft.com/office/drawing/2014/main" id="{D87D0F6F-53A1-4152-9807-5EC1BBC8849C}"/>
              </a:ext>
            </a:extLst>
          </p:cNvPr>
          <p:cNvSpPr>
            <a:spLocks noGrp="1"/>
          </p:cNvSpPr>
          <p:nvPr>
            <p:ph type="body" sz="quarter" idx="13"/>
          </p:nvPr>
        </p:nvSpPr>
        <p:spPr>
          <a:xfrm>
            <a:off x="828000"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8" name="Text Placeholder 6">
            <a:extLst>
              <a:ext uri="{FF2B5EF4-FFF2-40B4-BE49-F238E27FC236}">
                <a16:creationId xmlns:a16="http://schemas.microsoft.com/office/drawing/2014/main" id="{7824BC02-7B0E-4C56-B49A-5A28F9E62BE1}"/>
              </a:ext>
            </a:extLst>
          </p:cNvPr>
          <p:cNvSpPr>
            <a:spLocks noGrp="1"/>
          </p:cNvSpPr>
          <p:nvPr>
            <p:ph type="body" sz="quarter" idx="14"/>
          </p:nvPr>
        </p:nvSpPr>
        <p:spPr>
          <a:xfrm>
            <a:off x="828000"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2" name="Text Placeholder 6">
            <a:extLst>
              <a:ext uri="{FF2B5EF4-FFF2-40B4-BE49-F238E27FC236}">
                <a16:creationId xmlns:a16="http://schemas.microsoft.com/office/drawing/2014/main" id="{ADF580D6-76FA-48E5-A6F9-C7D7F9ECA0CF}"/>
              </a:ext>
            </a:extLst>
          </p:cNvPr>
          <p:cNvSpPr>
            <a:spLocks noGrp="1"/>
          </p:cNvSpPr>
          <p:nvPr>
            <p:ph type="body" sz="quarter" idx="16"/>
          </p:nvPr>
        </p:nvSpPr>
        <p:spPr>
          <a:xfrm>
            <a:off x="2886816"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3" name="Text Placeholder 6">
            <a:extLst>
              <a:ext uri="{FF2B5EF4-FFF2-40B4-BE49-F238E27FC236}">
                <a16:creationId xmlns:a16="http://schemas.microsoft.com/office/drawing/2014/main" id="{D6CE2E2F-1BA4-4018-8B3C-5192B4A35E20}"/>
              </a:ext>
            </a:extLst>
          </p:cNvPr>
          <p:cNvSpPr>
            <a:spLocks noGrp="1"/>
          </p:cNvSpPr>
          <p:nvPr>
            <p:ph type="body" sz="quarter" idx="17"/>
          </p:nvPr>
        </p:nvSpPr>
        <p:spPr>
          <a:xfrm>
            <a:off x="2886816"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4" name="Text Placeholder 6">
            <a:extLst>
              <a:ext uri="{FF2B5EF4-FFF2-40B4-BE49-F238E27FC236}">
                <a16:creationId xmlns:a16="http://schemas.microsoft.com/office/drawing/2014/main" id="{9780CD93-461B-4895-AFE1-B11CB717CAC3}"/>
              </a:ext>
            </a:extLst>
          </p:cNvPr>
          <p:cNvSpPr>
            <a:spLocks noGrp="1"/>
          </p:cNvSpPr>
          <p:nvPr>
            <p:ph type="body" sz="quarter" idx="18"/>
          </p:nvPr>
        </p:nvSpPr>
        <p:spPr>
          <a:xfrm>
            <a:off x="4945933" y="2626419"/>
            <a:ext cx="1908000" cy="862219"/>
          </a:xfrm>
        </p:spPr>
        <p:txBody>
          <a:bodyPr>
            <a:noAutofit/>
          </a:bodyPr>
          <a:lstStyle>
            <a:lvl1pPr marL="0" indent="0">
              <a:lnSpc>
                <a:spcPts val="1400"/>
              </a:lnSpc>
              <a:buFont typeface="Arial" panose="020B0604020202020204" pitchFamily="34" charset="0"/>
              <a:buNone/>
              <a:defRPr sz="10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sp>
        <p:nvSpPr>
          <p:cNvPr id="15" name="Text Placeholder 6">
            <a:extLst>
              <a:ext uri="{FF2B5EF4-FFF2-40B4-BE49-F238E27FC236}">
                <a16:creationId xmlns:a16="http://schemas.microsoft.com/office/drawing/2014/main" id="{7670DE1A-52CE-4331-B7C3-9D35588A2926}"/>
              </a:ext>
            </a:extLst>
          </p:cNvPr>
          <p:cNvSpPr>
            <a:spLocks noGrp="1"/>
          </p:cNvSpPr>
          <p:nvPr>
            <p:ph type="body" sz="quarter" idx="19"/>
          </p:nvPr>
        </p:nvSpPr>
        <p:spPr>
          <a:xfrm>
            <a:off x="4945933" y="2090947"/>
            <a:ext cx="1908000" cy="504411"/>
          </a:xfrm>
        </p:spPr>
        <p:txBody>
          <a:bodyPr anchor="b">
            <a:noAutofit/>
          </a:bodyPr>
          <a:lstStyle>
            <a:lvl1pPr marL="0" indent="0">
              <a:lnSpc>
                <a:spcPts val="1400"/>
              </a:lnSpc>
              <a:buFont typeface="Arial" panose="020B0604020202020204" pitchFamily="34" charset="0"/>
              <a:buNone/>
              <a:defRPr sz="1400"/>
            </a:lvl1pPr>
            <a:lvl2pPr marL="0" indent="0">
              <a:lnSpc>
                <a:spcPts val="1400"/>
              </a:lnSpc>
              <a:buNone/>
              <a:defRPr sz="1000"/>
            </a:lvl2pPr>
            <a:lvl3pPr marL="0" indent="0">
              <a:lnSpc>
                <a:spcPts val="1400"/>
              </a:lnSpc>
              <a:buNone/>
              <a:defRPr sz="1000"/>
            </a:lvl3pPr>
            <a:lvl4pPr marL="0" indent="0">
              <a:lnSpc>
                <a:spcPts val="1400"/>
              </a:lnSpc>
              <a:buNone/>
              <a:defRPr sz="1000"/>
            </a:lvl4pPr>
            <a:lvl5pPr marL="0" indent="0">
              <a:lnSpc>
                <a:spcPts val="1400"/>
              </a:lnSpc>
              <a:buFont typeface="Arial" panose="020B0604020202020204" pitchFamily="34" charset="0"/>
              <a:buNone/>
              <a:defRPr sz="1000"/>
            </a:lvl5pPr>
          </a:lstStyle>
          <a:p>
            <a:pPr lvl="0"/>
            <a:r>
              <a:rPr lang="de-CH"/>
              <a:t>Click to edit Master text styles</a:t>
            </a:r>
          </a:p>
        </p:txBody>
      </p:sp>
      <p:pic>
        <p:nvPicPr>
          <p:cNvPr id="1040594976" name="Rectangle 10" descr="{&quot;templafy&quot;:{&quot;id&quot;:&quot;b547af82-2835-4403-8c5d-0088b7930ada&quot;}}"/>
          <p:cNvPicPr>
            <a:picLocks noChangeAspect="1"/>
          </p:cNvPicPr>
          <p:nvPr/>
        </p:nvPicPr>
        <p:blipFill>
          <a:blip r:embed="rId2"/>
          <a:stretch>
            <a:fillRect/>
          </a:stretch>
        </p:blipFill>
        <p:spPr>
          <a:xfrm>
            <a:off x="798816" y="4048055"/>
            <a:ext cx="2088000" cy="633600"/>
          </a:xfrm>
          <a:prstGeom prst="rect">
            <a:avLst/>
          </a:prstGeom>
        </p:spPr>
      </p:pic>
      <p:sp>
        <p:nvSpPr>
          <p:cNvPr id="3" name="Rectangle 2" descr="{&quot;templafy&quot;:{&quot;id&quot;:&quot;7a4a6d64-d9c0-4f91-a91d-1cc053a84e50&quot;}}">
            <a:extLst>
              <a:ext uri="{FF2B5EF4-FFF2-40B4-BE49-F238E27FC236}">
                <a16:creationId xmlns:a16="http://schemas.microsoft.com/office/drawing/2014/main" id="{36F02173-B0F5-4193-B6FF-8607454762B4}"/>
              </a:ext>
            </a:extLst>
          </p:cNvPr>
          <p:cNvSpPr/>
          <p:nvPr userDrawn="1"/>
        </p:nvSpPr>
        <p:spPr>
          <a:xfrm>
            <a:off x="4945930" y="3515014"/>
            <a:ext cx="2038450" cy="9912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lnSpc>
                <a:spcPts val="1200"/>
              </a:lnSpc>
            </a:pPr>
            <a:r>
              <a:rPr lang="de-CH" sz="1000">
                <a:solidFill>
                  <a:schemeClr val="tx1"/>
                </a:solidFill>
              </a:rPr>
              <a:t>Universität St.Gallen (HSG)
HSG Alumni 
Dufourstrasse 50 
9000 St.Gallen 
hsgalumni.ch</a:t>
            </a:r>
          </a:p>
        </p:txBody>
      </p:sp>
    </p:spTree>
    <p:extLst>
      <p:ext uri="{BB962C8B-B14F-4D97-AF65-F5344CB8AC3E}">
        <p14:creationId xmlns:p14="http://schemas.microsoft.com/office/powerpoint/2010/main" val="51870949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7072C7-786E-4CDF-B498-A0E43C94C174}"/>
              </a:ext>
            </a:extLst>
          </p:cNvPr>
          <p:cNvSpPr>
            <a:spLocks noGrp="1"/>
          </p:cNvSpPr>
          <p:nvPr>
            <p:ph type="title"/>
          </p:nvPr>
        </p:nvSpPr>
        <p:spPr/>
        <p:txBody>
          <a:bodyPr/>
          <a:lstStyle/>
          <a:p>
            <a:r>
              <a:rPr lang="de-CH"/>
              <a:t>Click to edit Master title style</a:t>
            </a:r>
          </a:p>
        </p:txBody>
      </p:sp>
      <p:sp>
        <p:nvSpPr>
          <p:cNvPr id="3" name="Vertical Text Placeholder 2">
            <a:extLst>
              <a:ext uri="{FF2B5EF4-FFF2-40B4-BE49-F238E27FC236}">
                <a16:creationId xmlns:a16="http://schemas.microsoft.com/office/drawing/2014/main" id="{627AB401-27B1-4459-8033-ADE495ECDDC6}"/>
              </a:ext>
            </a:extLst>
          </p:cNvPr>
          <p:cNvSpPr>
            <a:spLocks noGrp="1"/>
          </p:cNvSpPr>
          <p:nvPr>
            <p:ph type="body" orient="vert" idx="1"/>
          </p:nvPr>
        </p:nvSpPr>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63339B70-EA91-4D1E-AD6F-9A1F4FF36CD8}"/>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7" name="Rectangle 6" descr="{&quot;templafy&quot;:{&quot;id&quot;:&quot;38e46971-62d5-421c-a1a7-b907e8d781a4&quot;}}">
            <a:extLst>
              <a:ext uri="{FF2B5EF4-FFF2-40B4-BE49-F238E27FC236}">
                <a16:creationId xmlns:a16="http://schemas.microsoft.com/office/drawing/2014/main" id="{BB3C8683-B834-4D63-9D68-06A85DD6080E}"/>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9. Januar 2023</a:t>
            </a:r>
          </a:p>
        </p:txBody>
      </p:sp>
    </p:spTree>
    <p:extLst>
      <p:ext uri="{BB962C8B-B14F-4D97-AF65-F5344CB8AC3E}">
        <p14:creationId xmlns:p14="http://schemas.microsoft.com/office/powerpoint/2010/main" val="183720748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2">
    <p:bg>
      <p:bgPr>
        <a:solidFill>
          <a:schemeClr val="bg1"/>
        </a:solidFill>
        <a:effectLst/>
      </p:bgPr>
    </p:bg>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69B6FC2A-29C4-4742-B32D-604659C0CB22}"/>
              </a:ext>
            </a:extLst>
          </p:cNvPr>
          <p:cNvSpPr txBox="1"/>
          <p:nvPr userDrawn="1"/>
        </p:nvSpPr>
        <p:spPr>
          <a:xfrm>
            <a:off x="828000" y="4613375"/>
            <a:ext cx="1997563" cy="153888"/>
          </a:xfrm>
          <a:prstGeom prst="rect">
            <a:avLst/>
          </a:prstGeom>
          <a:noFill/>
        </p:spPr>
        <p:txBody>
          <a:bodyPr wrap="square" lIns="0" tIns="0" rIns="0" bIns="0" rtlCol="0">
            <a:spAutoFit/>
          </a:bodyPr>
          <a:lstStyle/>
          <a:p>
            <a:pPr algn="l"/>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sp>
        <p:nvSpPr>
          <p:cNvPr id="6" name="Picture Placeholder 5">
            <a:extLst>
              <a:ext uri="{FF2B5EF4-FFF2-40B4-BE49-F238E27FC236}">
                <a16:creationId xmlns:a16="http://schemas.microsoft.com/office/drawing/2014/main" id="{1CACC6D5-D1D4-442A-84CB-4AA5E5B9ECDE}"/>
              </a:ext>
            </a:extLst>
          </p:cNvPr>
          <p:cNvSpPr>
            <a:spLocks noGrp="1"/>
          </p:cNvSpPr>
          <p:nvPr>
            <p:ph type="pic" sz="quarter" idx="10"/>
          </p:nvPr>
        </p:nvSpPr>
        <p:spPr>
          <a:xfrm>
            <a:off x="5965200" y="0"/>
            <a:ext cx="3178800" cy="5143500"/>
          </a:xfrm>
        </p:spPr>
        <p:txBody>
          <a:bodyPr/>
          <a:lstStyle/>
          <a:p>
            <a:r>
              <a:rPr lang="de-CH"/>
              <a:t>Click icon to add picture</a:t>
            </a:r>
          </a:p>
        </p:txBody>
      </p:sp>
      <p:pic>
        <p:nvPicPr>
          <p:cNvPr id="1591770555" name="Rectangle 8" descr="{&quot;templafy&quot;:{&quot;id&quot;:&quot;785d1364-d50b-42dd-a9cc-c026824f05f5&quot;}}"/>
          <p:cNvPicPr>
            <a:picLocks noChangeAspect="1"/>
          </p:cNvPicPr>
          <p:nvPr/>
        </p:nvPicPr>
        <p:blipFill>
          <a:blip r:embed="rId2"/>
          <a:stretch>
            <a:fillRect/>
          </a:stretch>
        </p:blipFill>
        <p:spPr>
          <a:xfrm>
            <a:off x="358775" y="313025"/>
            <a:ext cx="2088000" cy="633600"/>
          </a:xfrm>
          <a:prstGeom prst="rect">
            <a:avLst/>
          </a:prstGeom>
        </p:spPr>
      </p:pic>
      <p:sp>
        <p:nvSpPr>
          <p:cNvPr id="10" name="Title 4">
            <a:extLst>
              <a:ext uri="{FF2B5EF4-FFF2-40B4-BE49-F238E27FC236}">
                <a16:creationId xmlns:a16="http://schemas.microsoft.com/office/drawing/2014/main" id="{80E529E2-449E-41BE-B0F7-70294EC17C81}"/>
              </a:ext>
            </a:extLst>
          </p:cNvPr>
          <p:cNvSpPr>
            <a:spLocks noGrp="1"/>
          </p:cNvSpPr>
          <p:nvPr>
            <p:ph type="title"/>
          </p:nvPr>
        </p:nvSpPr>
        <p:spPr>
          <a:xfrm>
            <a:off x="827013" y="1276350"/>
            <a:ext cx="4764489"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1" name="Text Placeholder 6">
            <a:extLst>
              <a:ext uri="{FF2B5EF4-FFF2-40B4-BE49-F238E27FC236}">
                <a16:creationId xmlns:a16="http://schemas.microsoft.com/office/drawing/2014/main" id="{3CEDF5E3-A68C-469F-902C-69F694A0D4F6}"/>
              </a:ext>
            </a:extLst>
          </p:cNvPr>
          <p:cNvSpPr>
            <a:spLocks noGrp="1"/>
          </p:cNvSpPr>
          <p:nvPr>
            <p:ph type="body" sz="quarter" idx="11"/>
          </p:nvPr>
        </p:nvSpPr>
        <p:spPr>
          <a:xfrm>
            <a:off x="831027" y="3452115"/>
            <a:ext cx="3034391"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Tree>
    <p:extLst>
      <p:ext uri="{BB962C8B-B14F-4D97-AF65-F5344CB8AC3E}">
        <p14:creationId xmlns:p14="http://schemas.microsoft.com/office/powerpoint/2010/main" val="12790962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8FA27F37-4AAD-450C-8838-DE5B9F07D8B8}"/>
              </a:ext>
            </a:extLst>
          </p:cNvPr>
          <p:cNvSpPr>
            <a:spLocks noGrp="1"/>
          </p:cNvSpPr>
          <p:nvPr>
            <p:ph type="title" orient="vert"/>
          </p:nvPr>
        </p:nvSpPr>
        <p:spPr>
          <a:xfrm>
            <a:off x="6543675" y="273844"/>
            <a:ext cx="1971675" cy="4358879"/>
          </a:xfrm>
        </p:spPr>
        <p:txBody>
          <a:bodyPr vert="eaVert"/>
          <a:lstStyle/>
          <a:p>
            <a:r>
              <a:rPr lang="de-CH"/>
              <a:t>Click to edit Master title style</a:t>
            </a:r>
          </a:p>
        </p:txBody>
      </p:sp>
      <p:sp>
        <p:nvSpPr>
          <p:cNvPr id="3" name="Vertical Text Placeholder 2">
            <a:extLst>
              <a:ext uri="{FF2B5EF4-FFF2-40B4-BE49-F238E27FC236}">
                <a16:creationId xmlns:a16="http://schemas.microsoft.com/office/drawing/2014/main" id="{99286A52-83BF-4684-B707-32690AD3C036}"/>
              </a:ext>
            </a:extLst>
          </p:cNvPr>
          <p:cNvSpPr>
            <a:spLocks noGrp="1"/>
          </p:cNvSpPr>
          <p:nvPr>
            <p:ph type="body" orient="vert" idx="1"/>
          </p:nvPr>
        </p:nvSpPr>
        <p:spPr>
          <a:xfrm>
            <a:off x="628650" y="273844"/>
            <a:ext cx="5800725" cy="4358879"/>
          </a:xfrm>
        </p:spPr>
        <p:txBody>
          <a:bodyPr vert="eaVert"/>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6" name="Slide Number Placeholder 5">
            <a:extLst>
              <a:ext uri="{FF2B5EF4-FFF2-40B4-BE49-F238E27FC236}">
                <a16:creationId xmlns:a16="http://schemas.microsoft.com/office/drawing/2014/main" id="{BC25666C-0F9A-44A4-B3AC-35B212491C34}"/>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7" name="Rectangle 6" descr="{&quot;templafy&quot;:{&quot;id&quot;:&quot;fbd19eeb-96a4-426f-866f-f26618815d72&quot;}}">
            <a:extLst>
              <a:ext uri="{FF2B5EF4-FFF2-40B4-BE49-F238E27FC236}">
                <a16:creationId xmlns:a16="http://schemas.microsoft.com/office/drawing/2014/main" id="{D21A4773-433D-4BA4-8284-587A192E038E}"/>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9. Januar 2023</a:t>
            </a:r>
          </a:p>
        </p:txBody>
      </p:sp>
    </p:spTree>
    <p:extLst>
      <p:ext uri="{BB962C8B-B14F-4D97-AF65-F5344CB8AC3E}">
        <p14:creationId xmlns:p14="http://schemas.microsoft.com/office/powerpoint/2010/main" val="85152801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type="obj">
  <p:cSld name="1_Titel und Inhal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lvl1pPr>
              <a:defRPr>
                <a:solidFill>
                  <a:srgbClr val="107614"/>
                </a:solidFill>
              </a:defRPr>
            </a:lvl1pPr>
          </a:lstStyle>
          <a:p>
            <a:r>
              <a:rPr lang="de-DE"/>
              <a:t>Titelmasterformat durch Klicken bearbeiten</a:t>
            </a:r>
            <a:endParaRPr lang="de-CH"/>
          </a:p>
        </p:txBody>
      </p:sp>
      <p:sp>
        <p:nvSpPr>
          <p:cNvPr id="3" name="Inhaltsplatzhalter 2"/>
          <p:cNvSpPr>
            <a:spLocks noGrp="1"/>
          </p:cNvSpPr>
          <p:nvPr>
            <p:ph idx="1"/>
          </p:nvPr>
        </p:nvSpPr>
        <p:spPr/>
        <p:txBody>
          <a:bodyPr/>
          <a:lstStyle/>
          <a:p>
            <a:pPr lvl="0"/>
            <a:r>
              <a:rPr lang="de-DE"/>
              <a:t>Textmasterformate durch Klicken bearbeiten</a:t>
            </a:r>
          </a:p>
          <a:p>
            <a:pPr lvl="1"/>
            <a:r>
              <a:rPr lang="de-DE"/>
              <a:t>Zweite Ebene</a:t>
            </a:r>
          </a:p>
          <a:p>
            <a:pPr lvl="2"/>
            <a:r>
              <a:rPr lang="de-DE"/>
              <a:t>Dritte Ebene</a:t>
            </a:r>
          </a:p>
          <a:p>
            <a:pPr lvl="3"/>
            <a:r>
              <a:rPr lang="de-DE"/>
              <a:t>Vierte Ebene</a:t>
            </a:r>
          </a:p>
          <a:p>
            <a:pPr lvl="4"/>
            <a:r>
              <a:rPr lang="de-DE"/>
              <a:t>Fünfte Ebene</a:t>
            </a:r>
            <a:endParaRPr lang="de-CH"/>
          </a:p>
        </p:txBody>
      </p:sp>
    </p:spTree>
    <p:extLst>
      <p:ext uri="{BB962C8B-B14F-4D97-AF65-F5344CB8AC3E}">
        <p14:creationId xmlns:p14="http://schemas.microsoft.com/office/powerpoint/2010/main" val="168509894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3">
    <p:bg>
      <p:bgPr>
        <a:solidFill>
          <a:schemeClr val="bg1"/>
        </a:solidFill>
        <a:effectLst/>
      </p:bgPr>
    </p:bg>
    <p:spTree>
      <p:nvGrpSpPr>
        <p:cNvPr id="1" name=""/>
        <p:cNvGrpSpPr/>
        <p:nvPr/>
      </p:nvGrpSpPr>
      <p:grpSpPr>
        <a:xfrm>
          <a:off x="0" y="0"/>
          <a:ext cx="0" cy="0"/>
          <a:chOff x="0" y="0"/>
          <a:chExt cx="0" cy="0"/>
        </a:xfrm>
      </p:grpSpPr>
      <p:sp>
        <p:nvSpPr>
          <p:cNvPr id="15" name="Rectangle 9">
            <a:extLst>
              <a:ext uri="{FF2B5EF4-FFF2-40B4-BE49-F238E27FC236}">
                <a16:creationId xmlns:a16="http://schemas.microsoft.com/office/drawing/2014/main" id="{2B100237-7431-49D0-8F7C-9E1F2717B96C}"/>
              </a:ext>
            </a:extLst>
          </p:cNvPr>
          <p:cNvSpPr/>
          <p:nvPr userDrawn="1"/>
        </p:nvSpPr>
        <p:spPr>
          <a:xfrm>
            <a:off x="5761585" y="1624745"/>
            <a:ext cx="2419577" cy="2689737"/>
          </a:xfrm>
          <a:custGeom>
            <a:avLst/>
            <a:gdLst>
              <a:gd name="connsiteX0" fmla="*/ 0 w 1861343"/>
              <a:gd name="connsiteY0" fmla="*/ 0 h 2329962"/>
              <a:gd name="connsiteX1" fmla="*/ 1861343 w 1861343"/>
              <a:gd name="connsiteY1" fmla="*/ 0 h 2329962"/>
              <a:gd name="connsiteX2" fmla="*/ 1861343 w 1861343"/>
              <a:gd name="connsiteY2" fmla="*/ 2329962 h 2329962"/>
              <a:gd name="connsiteX3" fmla="*/ 0 w 1861343"/>
              <a:gd name="connsiteY3" fmla="*/ 2329962 h 2329962"/>
              <a:gd name="connsiteX4" fmla="*/ 0 w 1861343"/>
              <a:gd name="connsiteY4" fmla="*/ 0 h 2329962"/>
              <a:gd name="connsiteX0" fmla="*/ 0 w 3408789"/>
              <a:gd name="connsiteY0" fmla="*/ 852854 h 2329962"/>
              <a:gd name="connsiteX1" fmla="*/ 3408789 w 3408789"/>
              <a:gd name="connsiteY1" fmla="*/ 0 h 2329962"/>
              <a:gd name="connsiteX2" fmla="*/ 3408789 w 3408789"/>
              <a:gd name="connsiteY2" fmla="*/ 2329962 h 2329962"/>
              <a:gd name="connsiteX3" fmla="*/ 1547446 w 3408789"/>
              <a:gd name="connsiteY3" fmla="*/ 2329962 h 2329962"/>
              <a:gd name="connsiteX4" fmla="*/ 0 w 3408789"/>
              <a:gd name="connsiteY4" fmla="*/ 852854 h 2329962"/>
              <a:gd name="connsiteX0" fmla="*/ 0 w 3408789"/>
              <a:gd name="connsiteY0" fmla="*/ 852854 h 3516924"/>
              <a:gd name="connsiteX1" fmla="*/ 3408789 w 3408789"/>
              <a:gd name="connsiteY1" fmla="*/ 0 h 3516924"/>
              <a:gd name="connsiteX2" fmla="*/ 3408789 w 3408789"/>
              <a:gd name="connsiteY2" fmla="*/ 2329962 h 3516924"/>
              <a:gd name="connsiteX3" fmla="*/ 483577 w 3408789"/>
              <a:gd name="connsiteY3" fmla="*/ 3516924 h 3516924"/>
              <a:gd name="connsiteX4" fmla="*/ 0 w 3408789"/>
              <a:gd name="connsiteY4" fmla="*/ 852854 h 3516924"/>
              <a:gd name="connsiteX0" fmla="*/ 0 w 3417582"/>
              <a:gd name="connsiteY0" fmla="*/ 852854 h 3789485"/>
              <a:gd name="connsiteX1" fmla="*/ 3408789 w 3417582"/>
              <a:gd name="connsiteY1" fmla="*/ 0 h 3789485"/>
              <a:gd name="connsiteX2" fmla="*/ 3417582 w 3417582"/>
              <a:gd name="connsiteY2" fmla="*/ 3789485 h 3789485"/>
              <a:gd name="connsiteX3" fmla="*/ 483577 w 3417582"/>
              <a:gd name="connsiteY3" fmla="*/ 3516924 h 3789485"/>
              <a:gd name="connsiteX4" fmla="*/ 0 w 3417582"/>
              <a:gd name="connsiteY4" fmla="*/ 852854 h 3789485"/>
              <a:gd name="connsiteX0" fmla="*/ 0 w 3417582"/>
              <a:gd name="connsiteY0" fmla="*/ 852854 h 3789485"/>
              <a:gd name="connsiteX1" fmla="*/ 3408789 w 3417582"/>
              <a:gd name="connsiteY1" fmla="*/ 0 h 3789485"/>
              <a:gd name="connsiteX2" fmla="*/ 3417582 w 3417582"/>
              <a:gd name="connsiteY2" fmla="*/ 3789485 h 3789485"/>
              <a:gd name="connsiteX3" fmla="*/ 501162 w 3417582"/>
              <a:gd name="connsiteY3" fmla="*/ 3570549 h 3789485"/>
              <a:gd name="connsiteX4" fmla="*/ 0 w 3417582"/>
              <a:gd name="connsiteY4" fmla="*/ 852854 h 3789485"/>
              <a:gd name="connsiteX0" fmla="*/ 0 w 3408789"/>
              <a:gd name="connsiteY0" fmla="*/ 852854 h 3852049"/>
              <a:gd name="connsiteX1" fmla="*/ 3408789 w 3408789"/>
              <a:gd name="connsiteY1" fmla="*/ 0 h 3852049"/>
              <a:gd name="connsiteX2" fmla="*/ 3399997 w 3408789"/>
              <a:gd name="connsiteY2" fmla="*/ 3852049 h 3852049"/>
              <a:gd name="connsiteX3" fmla="*/ 501162 w 3408789"/>
              <a:gd name="connsiteY3" fmla="*/ 3570549 h 3852049"/>
              <a:gd name="connsiteX4" fmla="*/ 0 w 3408789"/>
              <a:gd name="connsiteY4" fmla="*/ 852854 h 38520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8789" h="3852049">
                <a:moveTo>
                  <a:pt x="0" y="852854"/>
                </a:moveTo>
                <a:lnTo>
                  <a:pt x="3408789" y="0"/>
                </a:lnTo>
                <a:cubicBezTo>
                  <a:pt x="3405858" y="1284016"/>
                  <a:pt x="3402928" y="2568033"/>
                  <a:pt x="3399997" y="3852049"/>
                </a:cubicBezTo>
                <a:lnTo>
                  <a:pt x="501162" y="3570549"/>
                </a:lnTo>
                <a:lnTo>
                  <a:pt x="0" y="852854"/>
                </a:lnTo>
                <a:close/>
              </a:path>
            </a:pathLst>
          </a:custGeom>
          <a:noFill/>
          <a:ln w="508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12" name="TextBox 11">
            <a:extLst>
              <a:ext uri="{FF2B5EF4-FFF2-40B4-BE49-F238E27FC236}">
                <a16:creationId xmlns:a16="http://schemas.microsoft.com/office/drawing/2014/main" id="{DF9714C5-06E3-4370-A728-9DC7B080DE43}"/>
              </a:ext>
            </a:extLst>
          </p:cNvPr>
          <p:cNvSpPr txBox="1"/>
          <p:nvPr userDrawn="1"/>
        </p:nvSpPr>
        <p:spPr>
          <a:xfrm>
            <a:off x="6787662" y="4613375"/>
            <a:ext cx="1997563" cy="153888"/>
          </a:xfrm>
          <a:prstGeom prst="rect">
            <a:avLst/>
          </a:prstGeom>
          <a:noFill/>
        </p:spPr>
        <p:txBody>
          <a:bodyPr wrap="square" lIns="0" tIns="0" rIns="0" bIns="0" rtlCol="0">
            <a:spAutoFit/>
          </a:bodyPr>
          <a:lstStyle/>
          <a:p>
            <a:pPr algn="r"/>
            <a:r>
              <a:rPr lang="de-CH" sz="1000">
                <a:solidFill>
                  <a:schemeClr val="tx1"/>
                </a:solidFill>
              </a:rPr>
              <a:t>From </a:t>
            </a:r>
            <a:r>
              <a:rPr lang="de-CH" sz="1000" err="1">
                <a:solidFill>
                  <a:schemeClr val="tx1"/>
                </a:solidFill>
              </a:rPr>
              <a:t>insight</a:t>
            </a:r>
            <a:r>
              <a:rPr lang="de-CH" sz="1000">
                <a:solidFill>
                  <a:schemeClr val="tx1"/>
                </a:solidFill>
              </a:rPr>
              <a:t> </a:t>
            </a:r>
            <a:r>
              <a:rPr lang="de-CH" sz="1000" err="1">
                <a:solidFill>
                  <a:schemeClr val="tx1"/>
                </a:solidFill>
              </a:rPr>
              <a:t>to</a:t>
            </a:r>
            <a:r>
              <a:rPr lang="de-CH" sz="1000">
                <a:solidFill>
                  <a:schemeClr val="tx1"/>
                </a:solidFill>
              </a:rPr>
              <a:t> </a:t>
            </a:r>
            <a:r>
              <a:rPr lang="de-CH" sz="1000" err="1">
                <a:solidFill>
                  <a:schemeClr val="tx1"/>
                </a:solidFill>
              </a:rPr>
              <a:t>impact</a:t>
            </a:r>
            <a:r>
              <a:rPr lang="de-CH" sz="1000">
                <a:solidFill>
                  <a:schemeClr val="tx1"/>
                </a:solidFill>
              </a:rPr>
              <a:t>.</a:t>
            </a:r>
          </a:p>
        </p:txBody>
      </p:sp>
      <p:pic>
        <p:nvPicPr>
          <p:cNvPr id="1050795818" name="Rectangle 7" descr="{&quot;templafy&quot;:{&quot;id&quot;:&quot;3c517c33-2d58-4835-b918-dd21a29d8239&quot;}}"/>
          <p:cNvPicPr>
            <a:picLocks noChangeAspect="1"/>
          </p:cNvPicPr>
          <p:nvPr/>
        </p:nvPicPr>
        <p:blipFill>
          <a:blip r:embed="rId2"/>
          <a:stretch>
            <a:fillRect/>
          </a:stretch>
        </p:blipFill>
        <p:spPr>
          <a:xfrm>
            <a:off x="358775" y="313025"/>
            <a:ext cx="2088000" cy="633600"/>
          </a:xfrm>
          <a:prstGeom prst="rect">
            <a:avLst/>
          </a:prstGeom>
        </p:spPr>
      </p:pic>
      <p:sp>
        <p:nvSpPr>
          <p:cNvPr id="13" name="Title 4">
            <a:extLst>
              <a:ext uri="{FF2B5EF4-FFF2-40B4-BE49-F238E27FC236}">
                <a16:creationId xmlns:a16="http://schemas.microsoft.com/office/drawing/2014/main" id="{77013848-41F0-44AD-9301-BEF9A1A4878E}"/>
              </a:ext>
            </a:extLst>
          </p:cNvPr>
          <p:cNvSpPr>
            <a:spLocks noGrp="1"/>
          </p:cNvSpPr>
          <p:nvPr>
            <p:ph type="title"/>
          </p:nvPr>
        </p:nvSpPr>
        <p:spPr>
          <a:xfrm>
            <a:off x="827013" y="1276350"/>
            <a:ext cx="4503600" cy="1942874"/>
          </a:xfrm>
        </p:spPr>
        <p:txBody>
          <a:bodyPr anchor="b"/>
          <a:lstStyle>
            <a:lvl1pPr>
              <a:lnSpc>
                <a:spcPts val="4200"/>
              </a:lnSpc>
              <a:defRPr sz="4000">
                <a:latin typeface="Gill Sans Nova Light" panose="020B0302020104020203" pitchFamily="34" charset="0"/>
              </a:defRPr>
            </a:lvl1pPr>
          </a:lstStyle>
          <a:p>
            <a:r>
              <a:rPr lang="de-CH"/>
              <a:t>Click to edit Master title style</a:t>
            </a:r>
          </a:p>
        </p:txBody>
      </p:sp>
      <p:sp>
        <p:nvSpPr>
          <p:cNvPr id="14" name="Text Placeholder 6">
            <a:extLst>
              <a:ext uri="{FF2B5EF4-FFF2-40B4-BE49-F238E27FC236}">
                <a16:creationId xmlns:a16="http://schemas.microsoft.com/office/drawing/2014/main" id="{8245421C-670F-4227-B79D-994FE547F9A2}"/>
              </a:ext>
            </a:extLst>
          </p:cNvPr>
          <p:cNvSpPr>
            <a:spLocks noGrp="1"/>
          </p:cNvSpPr>
          <p:nvPr>
            <p:ph type="body" sz="quarter" idx="11"/>
          </p:nvPr>
        </p:nvSpPr>
        <p:spPr>
          <a:xfrm>
            <a:off x="831027" y="3452115"/>
            <a:ext cx="3650486" cy="1027810"/>
          </a:xfrm>
        </p:spPr>
        <p:txBody>
          <a:bodyPr>
            <a:normAutofit/>
          </a:bodyPr>
          <a:lstStyle>
            <a:lvl1pPr marL="0" indent="0">
              <a:spcAft>
                <a:spcPts val="0"/>
              </a:spcAft>
              <a:buFont typeface="Arial" panose="020B0604020202020204" pitchFamily="34" charset="0"/>
              <a:buNone/>
              <a:defRPr sz="1600"/>
            </a:lvl1pPr>
            <a:lvl2pPr marL="0" indent="0">
              <a:spcAft>
                <a:spcPts val="0"/>
              </a:spcAft>
              <a:buNone/>
              <a:defRPr sz="1600"/>
            </a:lvl2pPr>
            <a:lvl3pPr marL="0" indent="0">
              <a:spcAft>
                <a:spcPts val="0"/>
              </a:spcAft>
              <a:buNone/>
              <a:defRPr sz="1600"/>
            </a:lvl3pPr>
            <a:lvl4pPr marL="0" indent="0">
              <a:spcAft>
                <a:spcPts val="0"/>
              </a:spcAft>
              <a:buNone/>
              <a:defRPr sz="1600"/>
            </a:lvl4pPr>
            <a:lvl5pPr marL="0" indent="0">
              <a:spcAft>
                <a:spcPts val="0"/>
              </a:spcAft>
              <a:buNone/>
              <a:defRPr sz="1600"/>
            </a:lvl5pPr>
          </a:lstStyle>
          <a:p>
            <a:pPr lvl="0"/>
            <a:r>
              <a:rPr lang="de-CH"/>
              <a:t>Click to edit Master text styles</a:t>
            </a:r>
          </a:p>
          <a:p>
            <a:pPr lvl="1"/>
            <a:r>
              <a:rPr lang="de-CH"/>
              <a:t>Second level</a:t>
            </a:r>
          </a:p>
          <a:p>
            <a:pPr lvl="2"/>
            <a:r>
              <a:rPr lang="de-CH"/>
              <a:t>Third level</a:t>
            </a:r>
          </a:p>
          <a:p>
            <a:pPr lvl="3"/>
            <a:endParaRPr lang="de-CH"/>
          </a:p>
        </p:txBody>
      </p:sp>
      <p:sp>
        <p:nvSpPr>
          <p:cNvPr id="3" name="Bildplatzhalter 2">
            <a:extLst>
              <a:ext uri="{FF2B5EF4-FFF2-40B4-BE49-F238E27FC236}">
                <a16:creationId xmlns:a16="http://schemas.microsoft.com/office/drawing/2014/main" id="{A334A812-F883-AF52-F92E-916B48E7D3E0}"/>
              </a:ext>
            </a:extLst>
          </p:cNvPr>
          <p:cNvSpPr>
            <a:spLocks noGrp="1"/>
          </p:cNvSpPr>
          <p:nvPr>
            <p:ph type="pic" sz="quarter" idx="12"/>
          </p:nvPr>
        </p:nvSpPr>
        <p:spPr>
          <a:xfrm>
            <a:off x="5752800" y="447950"/>
            <a:ext cx="3404886" cy="3798786"/>
          </a:xfrm>
          <a:custGeom>
            <a:avLst/>
            <a:gdLst>
              <a:gd name="connsiteX0" fmla="*/ 0 w 3392932"/>
              <a:gd name="connsiteY0" fmla="*/ 0 h 3804762"/>
              <a:gd name="connsiteX1" fmla="*/ 3392932 w 3392932"/>
              <a:gd name="connsiteY1" fmla="*/ 0 h 3804762"/>
              <a:gd name="connsiteX2" fmla="*/ 3392932 w 3392932"/>
              <a:gd name="connsiteY2" fmla="*/ 3804762 h 3804762"/>
              <a:gd name="connsiteX3" fmla="*/ 0 w 3392932"/>
              <a:gd name="connsiteY3" fmla="*/ 3804762 h 3804762"/>
              <a:gd name="connsiteX4" fmla="*/ 0 w 3392932"/>
              <a:gd name="connsiteY4" fmla="*/ 0 h 3804762"/>
              <a:gd name="connsiteX0" fmla="*/ 741082 w 3392932"/>
              <a:gd name="connsiteY0" fmla="*/ 753035 h 3804762"/>
              <a:gd name="connsiteX1" fmla="*/ 3392932 w 3392932"/>
              <a:gd name="connsiteY1" fmla="*/ 0 h 3804762"/>
              <a:gd name="connsiteX2" fmla="*/ 3392932 w 3392932"/>
              <a:gd name="connsiteY2" fmla="*/ 3804762 h 3804762"/>
              <a:gd name="connsiteX3" fmla="*/ 0 w 3392932"/>
              <a:gd name="connsiteY3" fmla="*/ 3804762 h 3804762"/>
              <a:gd name="connsiteX4" fmla="*/ 741082 w 3392932"/>
              <a:gd name="connsiteY4" fmla="*/ 753035 h 3804762"/>
              <a:gd name="connsiteX0" fmla="*/ 0 w 2651850"/>
              <a:gd name="connsiteY0" fmla="*/ 753035 h 3804762"/>
              <a:gd name="connsiteX1" fmla="*/ 2651850 w 2651850"/>
              <a:gd name="connsiteY1" fmla="*/ 0 h 3804762"/>
              <a:gd name="connsiteX2" fmla="*/ 2651850 w 2651850"/>
              <a:gd name="connsiteY2" fmla="*/ 3804762 h 3804762"/>
              <a:gd name="connsiteX3" fmla="*/ 29883 w 2651850"/>
              <a:gd name="connsiteY3" fmla="*/ 3380433 h 3804762"/>
              <a:gd name="connsiteX4" fmla="*/ 0 w 2651850"/>
              <a:gd name="connsiteY4" fmla="*/ 753035 h 3804762"/>
              <a:gd name="connsiteX0" fmla="*/ 239058 w 2890908"/>
              <a:gd name="connsiteY0" fmla="*/ 753035 h 3804762"/>
              <a:gd name="connsiteX1" fmla="*/ 2890908 w 2890908"/>
              <a:gd name="connsiteY1" fmla="*/ 0 h 3804762"/>
              <a:gd name="connsiteX2" fmla="*/ 2890908 w 2890908"/>
              <a:gd name="connsiteY2" fmla="*/ 3804762 h 3804762"/>
              <a:gd name="connsiteX3" fmla="*/ 0 w 2890908"/>
              <a:gd name="connsiteY3" fmla="*/ 3517892 h 3804762"/>
              <a:gd name="connsiteX4" fmla="*/ 239058 w 2890908"/>
              <a:gd name="connsiteY4" fmla="*/ 753035 h 3804762"/>
              <a:gd name="connsiteX0" fmla="*/ 0 w 3410862"/>
              <a:gd name="connsiteY0" fmla="*/ 842682 h 3804762"/>
              <a:gd name="connsiteX1" fmla="*/ 3410862 w 3410862"/>
              <a:gd name="connsiteY1" fmla="*/ 0 h 3804762"/>
              <a:gd name="connsiteX2" fmla="*/ 3410862 w 3410862"/>
              <a:gd name="connsiteY2" fmla="*/ 3804762 h 3804762"/>
              <a:gd name="connsiteX3" fmla="*/ 519954 w 3410862"/>
              <a:gd name="connsiteY3" fmla="*/ 3517892 h 3804762"/>
              <a:gd name="connsiteX4" fmla="*/ 0 w 3410862"/>
              <a:gd name="connsiteY4" fmla="*/ 842682 h 3804762"/>
              <a:gd name="connsiteX0" fmla="*/ 0 w 3410862"/>
              <a:gd name="connsiteY0" fmla="*/ 842682 h 3517892"/>
              <a:gd name="connsiteX1" fmla="*/ 3410862 w 3410862"/>
              <a:gd name="connsiteY1" fmla="*/ 0 h 3517892"/>
              <a:gd name="connsiteX2" fmla="*/ 3034344 w 3410862"/>
              <a:gd name="connsiteY2" fmla="*/ 3398362 h 3517892"/>
              <a:gd name="connsiteX3" fmla="*/ 519954 w 3410862"/>
              <a:gd name="connsiteY3" fmla="*/ 3517892 h 3517892"/>
              <a:gd name="connsiteX4" fmla="*/ 0 w 3410862"/>
              <a:gd name="connsiteY4" fmla="*/ 842682 h 3517892"/>
              <a:gd name="connsiteX0" fmla="*/ 0 w 3410862"/>
              <a:gd name="connsiteY0" fmla="*/ 842682 h 3774879"/>
              <a:gd name="connsiteX1" fmla="*/ 3410862 w 3410862"/>
              <a:gd name="connsiteY1" fmla="*/ 0 h 3774879"/>
              <a:gd name="connsiteX2" fmla="*/ 3410862 w 3410862"/>
              <a:gd name="connsiteY2" fmla="*/ 3774879 h 3774879"/>
              <a:gd name="connsiteX3" fmla="*/ 519954 w 3410862"/>
              <a:gd name="connsiteY3" fmla="*/ 3517892 h 3774879"/>
              <a:gd name="connsiteX4" fmla="*/ 0 w 3410862"/>
              <a:gd name="connsiteY4" fmla="*/ 842682 h 3774879"/>
              <a:gd name="connsiteX0" fmla="*/ 0 w 3410862"/>
              <a:gd name="connsiteY0" fmla="*/ 842682 h 3810738"/>
              <a:gd name="connsiteX1" fmla="*/ 3410862 w 3410862"/>
              <a:gd name="connsiteY1" fmla="*/ 0 h 3810738"/>
              <a:gd name="connsiteX2" fmla="*/ 3404886 w 3410862"/>
              <a:gd name="connsiteY2" fmla="*/ 3810738 h 3810738"/>
              <a:gd name="connsiteX3" fmla="*/ 519954 w 3410862"/>
              <a:gd name="connsiteY3" fmla="*/ 3517892 h 3810738"/>
              <a:gd name="connsiteX4" fmla="*/ 0 w 3410862"/>
              <a:gd name="connsiteY4" fmla="*/ 842682 h 3810738"/>
              <a:gd name="connsiteX0" fmla="*/ 0 w 3404886"/>
              <a:gd name="connsiteY0" fmla="*/ 280894 h 3248950"/>
              <a:gd name="connsiteX1" fmla="*/ 3135945 w 3404886"/>
              <a:gd name="connsiteY1" fmla="*/ 0 h 3248950"/>
              <a:gd name="connsiteX2" fmla="*/ 3404886 w 3404886"/>
              <a:gd name="connsiteY2" fmla="*/ 3248950 h 3248950"/>
              <a:gd name="connsiteX3" fmla="*/ 519954 w 3404886"/>
              <a:gd name="connsiteY3" fmla="*/ 2956104 h 3248950"/>
              <a:gd name="connsiteX4" fmla="*/ 0 w 3404886"/>
              <a:gd name="connsiteY4" fmla="*/ 280894 h 3248950"/>
              <a:gd name="connsiteX0" fmla="*/ 0 w 3404886"/>
              <a:gd name="connsiteY0" fmla="*/ 830730 h 3798786"/>
              <a:gd name="connsiteX1" fmla="*/ 3404886 w 3404886"/>
              <a:gd name="connsiteY1" fmla="*/ 0 h 3798786"/>
              <a:gd name="connsiteX2" fmla="*/ 3404886 w 3404886"/>
              <a:gd name="connsiteY2" fmla="*/ 3798786 h 3798786"/>
              <a:gd name="connsiteX3" fmla="*/ 519954 w 3404886"/>
              <a:gd name="connsiteY3" fmla="*/ 3505940 h 3798786"/>
              <a:gd name="connsiteX4" fmla="*/ 0 w 3404886"/>
              <a:gd name="connsiteY4" fmla="*/ 830730 h 37987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404886" h="3798786">
                <a:moveTo>
                  <a:pt x="0" y="830730"/>
                </a:moveTo>
                <a:lnTo>
                  <a:pt x="3404886" y="0"/>
                </a:lnTo>
                <a:lnTo>
                  <a:pt x="3404886" y="3798786"/>
                </a:lnTo>
                <a:lnTo>
                  <a:pt x="519954" y="3505940"/>
                </a:lnTo>
                <a:lnTo>
                  <a:pt x="0" y="830730"/>
                </a:lnTo>
                <a:close/>
              </a:path>
            </a:pathLst>
          </a:custGeom>
          <a:solidFill>
            <a:schemeClr val="accent2"/>
          </a:solidFill>
          <a:ln>
            <a:noFill/>
          </a:ln>
        </p:spPr>
        <p:txBody>
          <a:bodyPr/>
          <a:lstStyle/>
          <a:p>
            <a:endParaRPr lang="de-CH"/>
          </a:p>
        </p:txBody>
      </p:sp>
    </p:spTree>
    <p:extLst>
      <p:ext uri="{BB962C8B-B14F-4D97-AF65-F5344CB8AC3E}">
        <p14:creationId xmlns:p14="http://schemas.microsoft.com/office/powerpoint/2010/main" val="13445163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mit Bild">
    <p:spTree>
      <p:nvGrpSpPr>
        <p:cNvPr id="1" name=""/>
        <p:cNvGrpSpPr/>
        <p:nvPr/>
      </p:nvGrpSpPr>
      <p:grpSpPr>
        <a:xfrm>
          <a:off x="0" y="0"/>
          <a:ext cx="0" cy="0"/>
          <a:chOff x="0" y="0"/>
          <a:chExt cx="0" cy="0"/>
        </a:xfrm>
      </p:grpSpPr>
      <p:pic>
        <p:nvPicPr>
          <p:cNvPr id="12" name="Picture 11" descr="A picture containing skating, building, ramp, board&#10;&#10;Description automatically generated">
            <a:extLst>
              <a:ext uri="{FF2B5EF4-FFF2-40B4-BE49-F238E27FC236}">
                <a16:creationId xmlns:a16="http://schemas.microsoft.com/office/drawing/2014/main" id="{71655C6F-D683-4181-8A76-C2CF9E2F41CB}"/>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r="58763"/>
          <a:stretch/>
        </p:blipFill>
        <p:spPr>
          <a:xfrm>
            <a:off x="5963683" y="0"/>
            <a:ext cx="3180318" cy="5143500"/>
          </a:xfrm>
          <a:prstGeom prst="rect">
            <a:avLst/>
          </a:prstGeom>
        </p:spPr>
      </p:pic>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a:xfrm>
            <a:off x="358775" y="376238"/>
            <a:ext cx="5464509" cy="675727"/>
          </a:xfrm>
        </p:spPr>
        <p:txBody>
          <a:bodyPr/>
          <a:lstStyle>
            <a:lvl1pPr>
              <a:lnSpc>
                <a:spcPts val="4400"/>
              </a:lnSpc>
              <a:defRPr sz="4000">
                <a:latin typeface="Gill Sans Nova Light" panose="020B0302020104020203" pitchFamily="34" charset="0"/>
              </a:defRPr>
            </a:lvl1pPr>
          </a:lstStyle>
          <a:p>
            <a:r>
              <a:rPr lang="de-CH"/>
              <a:t>Click to edit Master title style</a:t>
            </a:r>
          </a:p>
        </p:txBody>
      </p:sp>
      <p:sp>
        <p:nvSpPr>
          <p:cNvPr id="5" name="Text Placeholder 4">
            <a:extLst>
              <a:ext uri="{FF2B5EF4-FFF2-40B4-BE49-F238E27FC236}">
                <a16:creationId xmlns:a16="http://schemas.microsoft.com/office/drawing/2014/main" id="{47F3237B-A6D8-401E-A0E8-75ED37DDC0FA}"/>
              </a:ext>
            </a:extLst>
          </p:cNvPr>
          <p:cNvSpPr>
            <a:spLocks noGrp="1"/>
          </p:cNvSpPr>
          <p:nvPr>
            <p:ph type="body" sz="quarter" idx="13" hasCustomPrompt="1"/>
          </p:nvPr>
        </p:nvSpPr>
        <p:spPr>
          <a:xfrm>
            <a:off x="358775" y="1276350"/>
            <a:ext cx="5000404" cy="3203575"/>
          </a:xfrm>
        </p:spPr>
        <p:txBody>
          <a:bodyPr>
            <a:normAutofit/>
          </a:bodyPr>
          <a:lstStyle>
            <a:lvl1pPr marL="396000" indent="-396000">
              <a:spcAft>
                <a:spcPts val="600"/>
              </a:spcAft>
              <a:buFont typeface="+mj-lt"/>
              <a:buAutoNum type="arabicPeriod"/>
              <a:defRPr sz="1600"/>
            </a:lvl1pPr>
            <a:lvl2pPr marL="720000" indent="-288000">
              <a:spcAft>
                <a:spcPts val="400"/>
              </a:spcAft>
              <a:buFont typeface="Arial" panose="020B0604020202020204" pitchFamily="34" charset="0"/>
              <a:buChar char="‒"/>
              <a:defRPr sz="1600"/>
            </a:lvl2pPr>
            <a:lvl3pPr marL="1008000" indent="-288000">
              <a:spcAft>
                <a:spcPts val="400"/>
              </a:spcAft>
              <a:buSzPct val="110000"/>
              <a:buFont typeface="Arial" panose="020B0604020202020204" pitchFamily="34" charset="0"/>
              <a:buChar char="•"/>
              <a:defRPr sz="1600"/>
            </a:lvl3pPr>
            <a:lvl4pPr marL="1296000" indent="-288000">
              <a:spcAft>
                <a:spcPts val="400"/>
              </a:spcAft>
              <a:buFont typeface="Arial" panose="020B0604020202020204" pitchFamily="34" charset="0"/>
              <a:buChar char="◦"/>
              <a:defRPr sz="1600"/>
            </a:lvl4pPr>
            <a:lvl5pPr marL="1296000" indent="-288000">
              <a:spcAft>
                <a:spcPts val="400"/>
              </a:spcAft>
              <a:buFont typeface="Arial" panose="020B0604020202020204" pitchFamily="34" charset="0"/>
              <a:buChar char="◦"/>
              <a:defRPr sz="1600"/>
            </a:lvl5pPr>
            <a:lvl6pPr marL="1296000" indent="-288000">
              <a:defRPr sz="1600"/>
            </a:lvl6pPr>
            <a:lvl7pPr marL="1296000" indent="-288000">
              <a:defRPr sz="1600"/>
            </a:lvl7pPr>
            <a:lvl8pPr marL="1296000" indent="-288000">
              <a:defRPr sz="1600"/>
            </a:lvl8pPr>
            <a:lvl9pPr marL="1296000" indent="-288000">
              <a:defRPr sz="1600"/>
            </a:lvl9pPr>
          </a:lstStyle>
          <a:p>
            <a:pPr lvl="0"/>
            <a:r>
              <a:rPr lang="de-CH"/>
              <a:t>Click to edit Master text styles</a:t>
            </a:r>
          </a:p>
          <a:p>
            <a:pPr lvl="1"/>
            <a:r>
              <a:rPr lang="de-CH" err="1"/>
              <a:t>Zweite</a:t>
            </a:r>
            <a:r>
              <a:rPr lang="de-CH"/>
              <a:t> Ebene</a:t>
            </a:r>
          </a:p>
          <a:p>
            <a:pPr lvl="2"/>
            <a:r>
              <a:rPr lang="de-CH" err="1"/>
              <a:t>Dritte</a:t>
            </a:r>
            <a:r>
              <a:rPr lang="de-CH"/>
              <a:t> Ebene</a:t>
            </a:r>
          </a:p>
          <a:p>
            <a:pPr lvl="3"/>
            <a:r>
              <a:rPr lang="de-CH" err="1"/>
              <a:t>Vierte</a:t>
            </a:r>
            <a:r>
              <a:rPr lang="de-CH"/>
              <a:t> Ebene</a:t>
            </a:r>
          </a:p>
          <a:p>
            <a:pPr lvl="4"/>
            <a:r>
              <a:rPr lang="de-CH" err="1"/>
              <a:t>Fünfte</a:t>
            </a:r>
            <a:r>
              <a:rPr lang="de-CH"/>
              <a:t> Ebene</a:t>
            </a:r>
          </a:p>
          <a:p>
            <a:pPr lvl="5"/>
            <a:r>
              <a:rPr lang="de-CH" err="1"/>
              <a:t>Sechste</a:t>
            </a:r>
            <a:r>
              <a:rPr lang="de-CH"/>
              <a:t> Ebene</a:t>
            </a:r>
          </a:p>
          <a:p>
            <a:pPr lvl="6"/>
            <a:r>
              <a:rPr lang="de-CH" err="1"/>
              <a:t>Siebte</a:t>
            </a:r>
            <a:r>
              <a:rPr lang="de-CH"/>
              <a:t> Ebene</a:t>
            </a:r>
          </a:p>
          <a:p>
            <a:pPr lvl="7"/>
            <a:r>
              <a:rPr lang="de-CH" err="1"/>
              <a:t>Achte</a:t>
            </a:r>
            <a:r>
              <a:rPr lang="de-CH"/>
              <a:t> Ebene</a:t>
            </a:r>
          </a:p>
          <a:p>
            <a:pPr lvl="8"/>
            <a:r>
              <a:rPr lang="de-CH" err="1"/>
              <a:t>Neunte</a:t>
            </a:r>
            <a:r>
              <a:rPr lang="de-CH"/>
              <a:t> Ebene</a:t>
            </a:r>
          </a:p>
        </p:txBody>
      </p:sp>
      <p:sp>
        <p:nvSpPr>
          <p:cNvPr id="6" name="Slide Number Placeholder 5">
            <a:extLst>
              <a:ext uri="{FF2B5EF4-FFF2-40B4-BE49-F238E27FC236}">
                <a16:creationId xmlns:a16="http://schemas.microsoft.com/office/drawing/2014/main" id="{8E64CDDE-58C2-4810-8B30-D17CF249E28D}"/>
              </a:ext>
            </a:extLst>
          </p:cNvPr>
          <p:cNvSpPr>
            <a:spLocks noGrp="1"/>
          </p:cNvSpPr>
          <p:nvPr>
            <p:ph type="sldNum" sz="quarter" idx="16"/>
          </p:nvPr>
        </p:nvSpPr>
        <p:spPr/>
        <p:txBody>
          <a:bodyPr/>
          <a:lstStyle/>
          <a:p>
            <a:fld id="{7559FC98-AF75-4A00-A03C-DF9FEBF6BCB9}" type="slidenum">
              <a:rPr lang="de-CH" smtClean="0"/>
              <a:pPr/>
              <a:t>‹Nr.›</a:t>
            </a:fld>
            <a:endParaRPr lang="de-CH"/>
          </a:p>
        </p:txBody>
      </p:sp>
      <p:sp>
        <p:nvSpPr>
          <p:cNvPr id="8" name="Rectangle 7" descr="{&quot;templafy&quot;:{&quot;id&quot;:&quot;b82347d6-2fbd-4e08-afd5-6e90b7eed9f2&quot;}}">
            <a:extLst>
              <a:ext uri="{FF2B5EF4-FFF2-40B4-BE49-F238E27FC236}">
                <a16:creationId xmlns:a16="http://schemas.microsoft.com/office/drawing/2014/main" id="{E6F37757-2E2F-45B4-8E6C-0B6588D2DCE2}"/>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9. Januar 2023</a:t>
            </a:r>
          </a:p>
        </p:txBody>
      </p:sp>
      <p:sp>
        <p:nvSpPr>
          <p:cNvPr id="10" name="Rectangle 9" descr="{&quot;templafy&quot;:{&quot;id&quot;:&quot;555153fb-c9c4-480b-8b50-b0a2a1bd7d42&quot;}}">
            <a:extLst>
              <a:ext uri="{FF2B5EF4-FFF2-40B4-BE49-F238E27FC236}">
                <a16:creationId xmlns:a16="http://schemas.microsoft.com/office/drawing/2014/main" id="{AA1C14F3-85E4-47DF-A8F9-0A6C945C6727}"/>
              </a:ext>
            </a:extLst>
          </p:cNvPr>
          <p:cNvSpPr/>
          <p:nvPr userDrawn="1"/>
        </p:nvSpPr>
        <p:spPr>
          <a:xfrm>
            <a:off x="2516261" y="4767263"/>
            <a:ext cx="3307023"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pic>
        <p:nvPicPr>
          <p:cNvPr id="1273938049" name="Rectangle 10" descr="{&quot;templafy&quot;:{&quot;id&quot;:&quot;35f6356b-7a20-4588-b591-cbed3a7ec183&quot;}}"/>
          <p:cNvPicPr>
            <a:picLocks noChangeAspect="1"/>
          </p:cNvPicPr>
          <p:nvPr/>
        </p:nvPicPr>
        <p:blipFill>
          <a:blip r:embed="rId3"/>
          <a:stretch>
            <a:fillRect/>
          </a:stretch>
        </p:blipFill>
        <p:spPr>
          <a:xfrm>
            <a:off x="358775" y="4668427"/>
            <a:ext cx="964800" cy="291600"/>
          </a:xfrm>
          <a:prstGeom prst="rect">
            <a:avLst/>
          </a:prstGeom>
        </p:spPr>
      </p:pic>
      <p:sp>
        <p:nvSpPr>
          <p:cNvPr id="13" name="Rectangle 12" descr="{&quot;templafy&quot;:{&quot;id&quot;:&quot;0b707f06-a103-46c1-9359-6d015ef9d626&quot;}}" hidden="1">
            <a:extLst>
              <a:ext uri="{FF2B5EF4-FFF2-40B4-BE49-F238E27FC236}">
                <a16:creationId xmlns:a16="http://schemas.microsoft.com/office/drawing/2014/main" id="{829DC8B1-9D54-4E8C-B174-7B9355FD57F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HSG Alumni</a:t>
            </a:r>
          </a:p>
        </p:txBody>
      </p:sp>
    </p:spTree>
    <p:extLst>
      <p:ext uri="{BB962C8B-B14F-4D97-AF65-F5344CB8AC3E}">
        <p14:creationId xmlns:p14="http://schemas.microsoft.com/office/powerpoint/2010/main" val="234139459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Kapiteltrenner 1">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bg2"/>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bg2"/>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
        <p:nvSpPr>
          <p:cNvPr id="4" name="Freeform: Shape 3">
            <a:extLst>
              <a:ext uri="{FF2B5EF4-FFF2-40B4-BE49-F238E27FC236}">
                <a16:creationId xmlns:a16="http://schemas.microsoft.com/office/drawing/2014/main" id="{AA3A5247-554A-42FF-BCCF-A11D65465AA4}"/>
              </a:ext>
            </a:extLst>
          </p:cNvPr>
          <p:cNvSpPr>
            <a:spLocks noChangeAspect="1"/>
          </p:cNvSpPr>
          <p:nvPr userDrawn="1"/>
        </p:nvSpPr>
        <p:spPr>
          <a:xfrm>
            <a:off x="4572001" y="3166310"/>
            <a:ext cx="4572000" cy="5009983"/>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Tree>
    <p:extLst>
      <p:ext uri="{BB962C8B-B14F-4D97-AF65-F5344CB8AC3E}">
        <p14:creationId xmlns:p14="http://schemas.microsoft.com/office/powerpoint/2010/main" val="186724740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eltrenner 2">
    <p:bg>
      <p:bgPr>
        <a:solidFill>
          <a:schemeClr val="bg2"/>
        </a:solidFill>
        <a:effectLst/>
      </p:bgPr>
    </p:bg>
    <p:spTree>
      <p:nvGrpSpPr>
        <p:cNvPr id="1" name=""/>
        <p:cNvGrpSpPr/>
        <p:nvPr/>
      </p:nvGrpSpPr>
      <p:grpSpPr>
        <a:xfrm>
          <a:off x="0" y="0"/>
          <a:ext cx="0" cy="0"/>
          <a:chOff x="0" y="0"/>
          <a:chExt cx="0" cy="0"/>
        </a:xfrm>
      </p:grpSpPr>
      <p:sp>
        <p:nvSpPr>
          <p:cNvPr id="4" name="Picture Placeholder 4">
            <a:extLst>
              <a:ext uri="{FF2B5EF4-FFF2-40B4-BE49-F238E27FC236}">
                <a16:creationId xmlns:a16="http://schemas.microsoft.com/office/drawing/2014/main" id="{DC68F798-C07C-4BF8-8573-0552735B83EA}"/>
              </a:ext>
            </a:extLst>
          </p:cNvPr>
          <p:cNvSpPr>
            <a:spLocks noGrp="1"/>
          </p:cNvSpPr>
          <p:nvPr>
            <p:ph type="pic" sz="quarter" idx="11"/>
          </p:nvPr>
        </p:nvSpPr>
        <p:spPr>
          <a:xfrm>
            <a:off x="0" y="0"/>
            <a:ext cx="9144000" cy="5143500"/>
          </a:xfrm>
        </p:spPr>
        <p:txBody>
          <a:bodyPr/>
          <a:lstStyle/>
          <a:p>
            <a:r>
              <a:rPr lang="de-CH"/>
              <a:t>Click icon to add picture</a:t>
            </a:r>
          </a:p>
        </p:txBody>
      </p:sp>
      <p:sp>
        <p:nvSpPr>
          <p:cNvPr id="2" name="Title 1">
            <a:extLst>
              <a:ext uri="{FF2B5EF4-FFF2-40B4-BE49-F238E27FC236}">
                <a16:creationId xmlns:a16="http://schemas.microsoft.com/office/drawing/2014/main" id="{874B88CA-EB6E-49E8-8E20-86448C5223EB}"/>
              </a:ext>
            </a:extLst>
          </p:cNvPr>
          <p:cNvSpPr>
            <a:spLocks noGrp="1"/>
          </p:cNvSpPr>
          <p:nvPr>
            <p:ph type="title"/>
          </p:nvPr>
        </p:nvSpPr>
        <p:spPr>
          <a:xfrm>
            <a:off x="1548000" y="376238"/>
            <a:ext cx="7237225" cy="2496171"/>
          </a:xfrm>
        </p:spPr>
        <p:txBody>
          <a:bodyPr anchor="b">
            <a:normAutofit/>
          </a:bodyPr>
          <a:lstStyle>
            <a:lvl1pPr marL="0" indent="0" algn="l">
              <a:lnSpc>
                <a:spcPts val="5200"/>
              </a:lnSpc>
              <a:buFont typeface="+mj-lt"/>
              <a:buNone/>
              <a:defRPr sz="5000">
                <a:solidFill>
                  <a:schemeClr val="tx1"/>
                </a:solidFill>
                <a:latin typeface="Gill Sans Nova Light" panose="020B0302020104020203" pitchFamily="34" charset="0"/>
              </a:defRPr>
            </a:lvl1pPr>
          </a:lstStyle>
          <a:p>
            <a:r>
              <a:rPr lang="de-CH"/>
              <a:t>Click to edit Master title style</a:t>
            </a:r>
          </a:p>
        </p:txBody>
      </p:sp>
      <p:sp>
        <p:nvSpPr>
          <p:cNvPr id="3" name="Text Placeholder 2">
            <a:extLst>
              <a:ext uri="{FF2B5EF4-FFF2-40B4-BE49-F238E27FC236}">
                <a16:creationId xmlns:a16="http://schemas.microsoft.com/office/drawing/2014/main" id="{93182261-379D-435B-BB30-A2A9B6CF3E6F}"/>
              </a:ext>
            </a:extLst>
          </p:cNvPr>
          <p:cNvSpPr>
            <a:spLocks noGrp="1"/>
          </p:cNvSpPr>
          <p:nvPr>
            <p:ph type="body" idx="1"/>
          </p:nvPr>
        </p:nvSpPr>
        <p:spPr>
          <a:xfrm>
            <a:off x="1548000" y="3001618"/>
            <a:ext cx="6025617" cy="1478308"/>
          </a:xfrm>
        </p:spPr>
        <p:txBody>
          <a:bodyPr>
            <a:normAutofit/>
          </a:bodyPr>
          <a:lstStyle>
            <a:lvl1pPr marL="0" indent="0">
              <a:buNone/>
              <a:defRPr sz="2400">
                <a:solidFill>
                  <a:schemeClr val="tx1"/>
                </a:solidFill>
              </a:defRPr>
            </a:lvl1pPr>
            <a:lvl2pPr marL="342900" indent="0">
              <a:buNone/>
              <a:defRPr sz="1500">
                <a:solidFill>
                  <a:schemeClr val="tx1">
                    <a:tint val="75000"/>
                  </a:schemeClr>
                </a:solidFill>
              </a:defRPr>
            </a:lvl2pPr>
            <a:lvl3pPr marL="685800" indent="0">
              <a:buNone/>
              <a:defRPr sz="1350">
                <a:solidFill>
                  <a:schemeClr val="tx1">
                    <a:tint val="75000"/>
                  </a:schemeClr>
                </a:solidFill>
              </a:defRPr>
            </a:lvl3pPr>
            <a:lvl4pPr marL="1028700" indent="0">
              <a:buNone/>
              <a:defRPr sz="1200">
                <a:solidFill>
                  <a:schemeClr val="tx1">
                    <a:tint val="75000"/>
                  </a:schemeClr>
                </a:solidFill>
              </a:defRPr>
            </a:lvl4pPr>
            <a:lvl5pPr marL="1371600" indent="0">
              <a:buNone/>
              <a:defRPr sz="1200">
                <a:solidFill>
                  <a:schemeClr val="tx1">
                    <a:tint val="75000"/>
                  </a:schemeClr>
                </a:solidFill>
              </a:defRPr>
            </a:lvl5pPr>
            <a:lvl6pPr marL="1714500" indent="0">
              <a:buNone/>
              <a:defRPr sz="1200">
                <a:solidFill>
                  <a:schemeClr val="tx1">
                    <a:tint val="75000"/>
                  </a:schemeClr>
                </a:solidFill>
              </a:defRPr>
            </a:lvl6pPr>
            <a:lvl7pPr marL="2057400" indent="0">
              <a:buNone/>
              <a:defRPr sz="1200">
                <a:solidFill>
                  <a:schemeClr val="tx1">
                    <a:tint val="75000"/>
                  </a:schemeClr>
                </a:solidFill>
              </a:defRPr>
            </a:lvl7pPr>
            <a:lvl8pPr marL="2400300" indent="0">
              <a:buNone/>
              <a:defRPr sz="1200">
                <a:solidFill>
                  <a:schemeClr val="tx1">
                    <a:tint val="75000"/>
                  </a:schemeClr>
                </a:solidFill>
              </a:defRPr>
            </a:lvl8pPr>
            <a:lvl9pPr marL="2743200" indent="0">
              <a:buNone/>
              <a:defRPr sz="1200">
                <a:solidFill>
                  <a:schemeClr val="tx1">
                    <a:tint val="75000"/>
                  </a:schemeClr>
                </a:solidFill>
              </a:defRPr>
            </a:lvl9pPr>
          </a:lstStyle>
          <a:p>
            <a:pPr lvl="0"/>
            <a:r>
              <a:rPr lang="de-CH"/>
              <a:t>Click to edit Master text styles</a:t>
            </a:r>
          </a:p>
        </p:txBody>
      </p:sp>
    </p:spTree>
    <p:extLst>
      <p:ext uri="{BB962C8B-B14F-4D97-AF65-F5344CB8AC3E}">
        <p14:creationId xmlns:p14="http://schemas.microsoft.com/office/powerpoint/2010/main" val="225113872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zwei Content">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5543F47-BCA1-4586-9B7A-452F67C480C8}"/>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8CD7A6B4-FE62-49DA-AB92-A00E16DDD412}"/>
              </a:ext>
            </a:extLst>
          </p:cNvPr>
          <p:cNvSpPr>
            <a:spLocks noGrp="1"/>
          </p:cNvSpPr>
          <p:nvPr>
            <p:ph sz="half" idx="1"/>
          </p:nvPr>
        </p:nvSpPr>
        <p:spPr>
          <a:xfrm>
            <a:off x="358776" y="1276349"/>
            <a:ext cx="4122738" cy="3203576"/>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Content Placeholder 3">
            <a:extLst>
              <a:ext uri="{FF2B5EF4-FFF2-40B4-BE49-F238E27FC236}">
                <a16:creationId xmlns:a16="http://schemas.microsoft.com/office/drawing/2014/main" id="{E44DB25E-F340-4288-90DE-3831A8F49925}"/>
              </a:ext>
            </a:extLst>
          </p:cNvPr>
          <p:cNvSpPr>
            <a:spLocks noGrp="1"/>
          </p:cNvSpPr>
          <p:nvPr>
            <p:ph sz="half" idx="2"/>
          </p:nvPr>
        </p:nvSpPr>
        <p:spPr>
          <a:xfrm>
            <a:off x="4662487" y="1276350"/>
            <a:ext cx="4122737" cy="3203575"/>
          </a:xfrm>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12" name="Slide Number Placeholder 11">
            <a:extLst>
              <a:ext uri="{FF2B5EF4-FFF2-40B4-BE49-F238E27FC236}">
                <a16:creationId xmlns:a16="http://schemas.microsoft.com/office/drawing/2014/main" id="{E2CF5E38-DB35-4A9B-8D0E-E97D18CDB2BC}"/>
              </a:ext>
            </a:extLst>
          </p:cNvPr>
          <p:cNvSpPr>
            <a:spLocks noGrp="1"/>
          </p:cNvSpPr>
          <p:nvPr>
            <p:ph type="sldNum" sz="quarter" idx="16"/>
          </p:nvPr>
        </p:nvSpPr>
        <p:spPr/>
        <p:txBody>
          <a:bodyPr/>
          <a:lstStyle/>
          <a:p>
            <a:fld id="{7559FC98-AF75-4A00-A03C-DF9FEBF6BCB9}" type="slidenum">
              <a:rPr lang="de-CH" smtClean="0"/>
              <a:pPr/>
              <a:t>‹Nr.›</a:t>
            </a:fld>
            <a:endParaRPr lang="de-CH"/>
          </a:p>
        </p:txBody>
      </p:sp>
      <p:sp>
        <p:nvSpPr>
          <p:cNvPr id="15" name="Rectangle 14" descr="{&quot;templafy&quot;:{&quot;id&quot;:&quot;da9a01e3-8acd-4a4e-bc8f-9c17b234ad07&quot;}}">
            <a:extLst>
              <a:ext uri="{FF2B5EF4-FFF2-40B4-BE49-F238E27FC236}">
                <a16:creationId xmlns:a16="http://schemas.microsoft.com/office/drawing/2014/main" id="{6247B37A-A555-44A3-BECD-66BD8151E865}"/>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9. Januar 2023</a:t>
            </a:r>
          </a:p>
        </p:txBody>
      </p:sp>
      <p:pic>
        <p:nvPicPr>
          <p:cNvPr id="1663823176" name="Rectangle 4" descr="{&quot;templafy&quot;:{&quot;id&quot;:&quot;9968e5b8-3ced-4c73-944e-a2155b3e8a44&quot;}}"/>
          <p:cNvPicPr>
            <a:picLocks noChangeAspect="1"/>
          </p:cNvPicPr>
          <p:nvPr/>
        </p:nvPicPr>
        <p:blipFill>
          <a:blip r:embed="rId2"/>
          <a:stretch>
            <a:fillRect/>
          </a:stretch>
        </p:blipFill>
        <p:spPr>
          <a:xfrm>
            <a:off x="358775" y="4668427"/>
            <a:ext cx="964800" cy="291600"/>
          </a:xfrm>
          <a:prstGeom prst="rect">
            <a:avLst/>
          </a:prstGeom>
        </p:spPr>
      </p:pic>
      <p:sp>
        <p:nvSpPr>
          <p:cNvPr id="6" name="Rectangle 5" descr="{&quot;templafy&quot;:{&quot;id&quot;:&quot;2dfaef08-0ae5-451d-beb8-1bb0288c9a77&quot;}}">
            <a:extLst>
              <a:ext uri="{FF2B5EF4-FFF2-40B4-BE49-F238E27FC236}">
                <a16:creationId xmlns:a16="http://schemas.microsoft.com/office/drawing/2014/main" id="{4E03CCCD-CB66-429F-BC77-64B5370808F2}"/>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7" name="Rectangle 6" descr="{&quot;templafy&quot;:{&quot;id&quot;:&quot;d9e4c7ca-c594-4972-97cf-fc81143609d3&quot;}}" hidden="1">
            <a:extLst>
              <a:ext uri="{FF2B5EF4-FFF2-40B4-BE49-F238E27FC236}">
                <a16:creationId xmlns:a16="http://schemas.microsoft.com/office/drawing/2014/main" id="{B915E154-BDC4-452C-BDE7-882BE349B509}"/>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HSG Alumni</a:t>
            </a:r>
          </a:p>
        </p:txBody>
      </p:sp>
    </p:spTree>
    <p:extLst>
      <p:ext uri="{BB962C8B-B14F-4D97-AF65-F5344CB8AC3E}">
        <p14:creationId xmlns:p14="http://schemas.microsoft.com/office/powerpoint/2010/main" val="8505425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und Content">
    <p:spTree>
      <p:nvGrpSpPr>
        <p:cNvPr id="1" name=""/>
        <p:cNvGrpSpPr/>
        <p:nvPr/>
      </p:nvGrpSpPr>
      <p:grpSpPr>
        <a:xfrm>
          <a:off x="0" y="0"/>
          <a:ext cx="0" cy="0"/>
          <a:chOff x="0" y="0"/>
          <a:chExt cx="0" cy="0"/>
        </a:xfrm>
      </p:grpSpPr>
      <p:sp>
        <p:nvSpPr>
          <p:cNvPr id="7" name="Freeform: Shape 6">
            <a:extLst>
              <a:ext uri="{FF2B5EF4-FFF2-40B4-BE49-F238E27FC236}">
                <a16:creationId xmlns:a16="http://schemas.microsoft.com/office/drawing/2014/main" id="{32FAFF1B-D695-4F04-8B58-692674CF4A5C}"/>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AA9D5294-8509-42D7-B32F-8FB3BCBBB9D0}"/>
              </a:ext>
            </a:extLst>
          </p:cNvPr>
          <p:cNvSpPr>
            <a:spLocks noGrp="1"/>
          </p:cNvSpPr>
          <p:nvPr>
            <p:ph type="title"/>
          </p:nvPr>
        </p:nvSpPr>
        <p:spPr/>
        <p:txBody>
          <a:bodyPr/>
          <a:lstStyle/>
          <a:p>
            <a:r>
              <a:rPr lang="de-CH"/>
              <a:t>Click to edit Master title style</a:t>
            </a:r>
          </a:p>
        </p:txBody>
      </p:sp>
      <p:sp>
        <p:nvSpPr>
          <p:cNvPr id="3" name="Content Placeholder 2">
            <a:extLst>
              <a:ext uri="{FF2B5EF4-FFF2-40B4-BE49-F238E27FC236}">
                <a16:creationId xmlns:a16="http://schemas.microsoft.com/office/drawing/2014/main" id="{1B1DFF60-9E69-4915-A0DD-67FF253288CC}"/>
              </a:ext>
            </a:extLst>
          </p:cNvPr>
          <p:cNvSpPr>
            <a:spLocks noGrp="1"/>
          </p:cNvSpPr>
          <p:nvPr>
            <p:ph idx="1"/>
          </p:nvPr>
        </p:nvSpPr>
        <p:spPr/>
        <p:txBody>
          <a:bodyPr>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10" name="Slide Number Placeholder 9">
            <a:extLst>
              <a:ext uri="{FF2B5EF4-FFF2-40B4-BE49-F238E27FC236}">
                <a16:creationId xmlns:a16="http://schemas.microsoft.com/office/drawing/2014/main" id="{1CB9FAC9-1E0D-44F5-8B7F-C8D103F40B80}"/>
              </a:ext>
            </a:extLst>
          </p:cNvPr>
          <p:cNvSpPr>
            <a:spLocks noGrp="1"/>
          </p:cNvSpPr>
          <p:nvPr>
            <p:ph type="sldNum" sz="quarter" idx="12"/>
          </p:nvPr>
        </p:nvSpPr>
        <p:spPr>
          <a:xfrm>
            <a:off x="8570473" y="4767263"/>
            <a:ext cx="214752" cy="273844"/>
          </a:xfrm>
        </p:spPr>
        <p:txBody>
          <a:bodyPr/>
          <a:lstStyle>
            <a:lvl1pPr>
              <a:defRPr>
                <a:solidFill>
                  <a:schemeClr val="bg2"/>
                </a:solidFill>
              </a:defRPr>
            </a:lvl1pPr>
          </a:lstStyle>
          <a:p>
            <a:fld id="{7559FC98-AF75-4A00-A03C-DF9FEBF6BCB9}" type="slidenum">
              <a:rPr lang="de-CH" smtClean="0"/>
              <a:pPr/>
              <a:t>‹Nr.›</a:t>
            </a:fld>
            <a:endParaRPr lang="de-CH"/>
          </a:p>
        </p:txBody>
      </p:sp>
      <p:sp>
        <p:nvSpPr>
          <p:cNvPr id="11" name="Rectangle 10" descr="{&quot;templafy&quot;:{&quot;id&quot;:&quot;37f2c22e-c8ca-4f62-8fcc-147f5dc49acc&quot;}}">
            <a:extLst>
              <a:ext uri="{FF2B5EF4-FFF2-40B4-BE49-F238E27FC236}">
                <a16:creationId xmlns:a16="http://schemas.microsoft.com/office/drawing/2014/main" id="{47453508-BA4F-4ACB-B108-B3791E88CD55}"/>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9. Januar 2023</a:t>
            </a:r>
          </a:p>
        </p:txBody>
      </p:sp>
      <p:pic>
        <p:nvPicPr>
          <p:cNvPr id="1185509477" name="Rectangle 11" descr="{&quot;templafy&quot;:{&quot;id&quot;:&quot;39eb5001-678b-409b-9a61-0e5b33db57b3&quot;}}"/>
          <p:cNvPicPr>
            <a:picLocks noChangeAspect="1"/>
          </p:cNvPicPr>
          <p:nvPr/>
        </p:nvPicPr>
        <p:blipFill>
          <a:blip r:embed="rId2"/>
          <a:stretch>
            <a:fillRect/>
          </a:stretch>
        </p:blipFill>
        <p:spPr>
          <a:xfrm>
            <a:off x="358775" y="4668427"/>
            <a:ext cx="964800" cy="291600"/>
          </a:xfrm>
          <a:prstGeom prst="rect">
            <a:avLst/>
          </a:prstGeom>
        </p:spPr>
      </p:pic>
      <p:sp>
        <p:nvSpPr>
          <p:cNvPr id="13" name="Rectangle 12" descr="{&quot;templafy&quot;:{&quot;id&quot;:&quot;e0ae647e-6099-429e-8af1-e7c0fb8003db&quot;}}">
            <a:extLst>
              <a:ext uri="{FF2B5EF4-FFF2-40B4-BE49-F238E27FC236}">
                <a16:creationId xmlns:a16="http://schemas.microsoft.com/office/drawing/2014/main" id="{B5B29C83-7B2A-4E20-895A-585B8348684F}"/>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9" name="Rectangle 8" descr="{&quot;templafy&quot;:{&quot;id&quot;:&quot;701503c5-fa9f-4bcd-9f05-6df34f47fe37&quot;}}" hidden="1">
            <a:extLst>
              <a:ext uri="{FF2B5EF4-FFF2-40B4-BE49-F238E27FC236}">
                <a16:creationId xmlns:a16="http://schemas.microsoft.com/office/drawing/2014/main" id="{2B2F7145-7DCA-4B3F-A8AE-07622CB5DF8E}"/>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HSG Alumni</a:t>
            </a:r>
          </a:p>
        </p:txBody>
      </p:sp>
    </p:spTree>
    <p:extLst>
      <p:ext uri="{BB962C8B-B14F-4D97-AF65-F5344CB8AC3E}">
        <p14:creationId xmlns:p14="http://schemas.microsoft.com/office/powerpoint/2010/main" val="4154111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el und zwei Bilder">
    <p:spTree>
      <p:nvGrpSpPr>
        <p:cNvPr id="1" name=""/>
        <p:cNvGrpSpPr/>
        <p:nvPr/>
      </p:nvGrpSpPr>
      <p:grpSpPr>
        <a:xfrm>
          <a:off x="0" y="0"/>
          <a:ext cx="0" cy="0"/>
          <a:chOff x="0" y="0"/>
          <a:chExt cx="0" cy="0"/>
        </a:xfrm>
      </p:grpSpPr>
      <p:sp>
        <p:nvSpPr>
          <p:cNvPr id="9" name="Freeform: Shape 8">
            <a:extLst>
              <a:ext uri="{FF2B5EF4-FFF2-40B4-BE49-F238E27FC236}">
                <a16:creationId xmlns:a16="http://schemas.microsoft.com/office/drawing/2014/main" id="{1B4469C7-7D0E-49E1-8F7D-6E7D287176ED}"/>
              </a:ext>
            </a:extLst>
          </p:cNvPr>
          <p:cNvSpPr>
            <a:spLocks noChangeAspect="1"/>
          </p:cNvSpPr>
          <p:nvPr userDrawn="1"/>
        </p:nvSpPr>
        <p:spPr>
          <a:xfrm>
            <a:off x="8570473" y="4701166"/>
            <a:ext cx="213389" cy="233831"/>
          </a:xfrm>
          <a:custGeom>
            <a:avLst/>
            <a:gdLst>
              <a:gd name="connsiteX0" fmla="*/ 0 w 3106057"/>
              <a:gd name="connsiteY0" fmla="*/ 711200 h 3403600"/>
              <a:gd name="connsiteX1" fmla="*/ 3106057 w 3106057"/>
              <a:gd name="connsiteY1" fmla="*/ 0 h 3403600"/>
              <a:gd name="connsiteX2" fmla="*/ 3106057 w 3106057"/>
              <a:gd name="connsiteY2" fmla="*/ 3403600 h 3403600"/>
              <a:gd name="connsiteX3" fmla="*/ 449943 w 3106057"/>
              <a:gd name="connsiteY3" fmla="*/ 3222171 h 3403600"/>
              <a:gd name="connsiteX4" fmla="*/ 0 w 3106057"/>
              <a:gd name="connsiteY4" fmla="*/ 711200 h 340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06057" h="3403600">
                <a:moveTo>
                  <a:pt x="0" y="711200"/>
                </a:moveTo>
                <a:lnTo>
                  <a:pt x="3106057" y="0"/>
                </a:lnTo>
                <a:lnTo>
                  <a:pt x="3106057" y="3403600"/>
                </a:lnTo>
                <a:lnTo>
                  <a:pt x="449943" y="3222171"/>
                </a:lnTo>
                <a:lnTo>
                  <a:pt x="0" y="7112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sp>
        <p:nvSpPr>
          <p:cNvPr id="2" name="Title 1">
            <a:extLst>
              <a:ext uri="{FF2B5EF4-FFF2-40B4-BE49-F238E27FC236}">
                <a16:creationId xmlns:a16="http://schemas.microsoft.com/office/drawing/2014/main" id="{FE04952E-FCB6-493B-899A-78F0FFCB3F2D}"/>
              </a:ext>
            </a:extLst>
          </p:cNvPr>
          <p:cNvSpPr>
            <a:spLocks noGrp="1"/>
          </p:cNvSpPr>
          <p:nvPr>
            <p:ph type="title"/>
          </p:nvPr>
        </p:nvSpPr>
        <p:spPr/>
        <p:txBody>
          <a:bodyPr/>
          <a:lstStyle/>
          <a:p>
            <a:r>
              <a:rPr lang="de-CH"/>
              <a:t>Click to edit Master title style</a:t>
            </a:r>
          </a:p>
        </p:txBody>
      </p:sp>
      <p:sp>
        <p:nvSpPr>
          <p:cNvPr id="7" name="Slide Number Placeholder 6">
            <a:extLst>
              <a:ext uri="{FF2B5EF4-FFF2-40B4-BE49-F238E27FC236}">
                <a16:creationId xmlns:a16="http://schemas.microsoft.com/office/drawing/2014/main" id="{7AD794AC-1E69-4E4D-9E6D-26F34827B225}"/>
              </a:ext>
            </a:extLst>
          </p:cNvPr>
          <p:cNvSpPr>
            <a:spLocks noGrp="1"/>
          </p:cNvSpPr>
          <p:nvPr>
            <p:ph type="sldNum" sz="quarter" idx="12"/>
          </p:nvPr>
        </p:nvSpPr>
        <p:spPr/>
        <p:txBody>
          <a:bodyPr/>
          <a:lstStyle/>
          <a:p>
            <a:fld id="{7559FC98-AF75-4A00-A03C-DF9FEBF6BCB9}" type="slidenum">
              <a:rPr lang="de-CH" smtClean="0"/>
              <a:t>‹Nr.›</a:t>
            </a:fld>
            <a:endParaRPr lang="de-CH"/>
          </a:p>
        </p:txBody>
      </p:sp>
      <p:sp>
        <p:nvSpPr>
          <p:cNvPr id="10" name="Picture Placeholder 9">
            <a:extLst>
              <a:ext uri="{FF2B5EF4-FFF2-40B4-BE49-F238E27FC236}">
                <a16:creationId xmlns:a16="http://schemas.microsoft.com/office/drawing/2014/main" id="{46547A73-96B4-4B49-A320-28015EA72F84}"/>
              </a:ext>
            </a:extLst>
          </p:cNvPr>
          <p:cNvSpPr>
            <a:spLocks noGrp="1"/>
          </p:cNvSpPr>
          <p:nvPr>
            <p:ph type="pic" sz="quarter" idx="14"/>
          </p:nvPr>
        </p:nvSpPr>
        <p:spPr>
          <a:xfrm>
            <a:off x="358774" y="1276350"/>
            <a:ext cx="4213225" cy="3203576"/>
          </a:xfrm>
        </p:spPr>
        <p:txBody>
          <a:bodyPr/>
          <a:lstStyle/>
          <a:p>
            <a:r>
              <a:rPr lang="de-CH"/>
              <a:t>Click icon to add picture</a:t>
            </a:r>
          </a:p>
        </p:txBody>
      </p:sp>
      <p:sp>
        <p:nvSpPr>
          <p:cNvPr id="11" name="Picture Placeholder 9">
            <a:extLst>
              <a:ext uri="{FF2B5EF4-FFF2-40B4-BE49-F238E27FC236}">
                <a16:creationId xmlns:a16="http://schemas.microsoft.com/office/drawing/2014/main" id="{43F6FA5C-D25E-4346-815E-CF6B33F724AB}"/>
              </a:ext>
            </a:extLst>
          </p:cNvPr>
          <p:cNvSpPr>
            <a:spLocks noGrp="1"/>
          </p:cNvSpPr>
          <p:nvPr>
            <p:ph type="pic" sz="quarter" idx="15"/>
          </p:nvPr>
        </p:nvSpPr>
        <p:spPr>
          <a:xfrm>
            <a:off x="4572000" y="1276350"/>
            <a:ext cx="4213225" cy="3203575"/>
          </a:xfrm>
        </p:spPr>
        <p:txBody>
          <a:bodyPr/>
          <a:lstStyle/>
          <a:p>
            <a:r>
              <a:rPr lang="de-CH"/>
              <a:t>Click icon to add picture</a:t>
            </a:r>
          </a:p>
        </p:txBody>
      </p:sp>
      <p:sp>
        <p:nvSpPr>
          <p:cNvPr id="12" name="Rectangle 11" descr="{&quot;templafy&quot;:{&quot;id&quot;:&quot;60214b4b-0aa2-48b1-b200-74fd54f28883&quot;}}">
            <a:extLst>
              <a:ext uri="{FF2B5EF4-FFF2-40B4-BE49-F238E27FC236}">
                <a16:creationId xmlns:a16="http://schemas.microsoft.com/office/drawing/2014/main" id="{A6CE9D3B-0E1D-4168-8639-F0D1F5FF77B1}"/>
              </a:ext>
            </a:extLst>
          </p:cNvPr>
          <p:cNvSpPr/>
          <p:nvPr userDrawn="1"/>
        </p:nvSpPr>
        <p:spPr>
          <a:xfrm>
            <a:off x="6804000" y="4770373"/>
            <a:ext cx="1177196" cy="18433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a:solidFill>
                  <a:schemeClr val="tx1"/>
                </a:solidFill>
              </a:rPr>
              <a:t>19. Januar 2023</a:t>
            </a:r>
          </a:p>
        </p:txBody>
      </p:sp>
      <p:pic>
        <p:nvPicPr>
          <p:cNvPr id="1203240107" name="Rectangle 13" descr="{&quot;templafy&quot;:{&quot;id&quot;:&quot;aac643c1-f1f1-4774-b968-cf33ea55849b&quot;}}"/>
          <p:cNvPicPr>
            <a:picLocks noChangeAspect="1"/>
          </p:cNvPicPr>
          <p:nvPr/>
        </p:nvPicPr>
        <p:blipFill>
          <a:blip r:embed="rId2"/>
          <a:stretch>
            <a:fillRect/>
          </a:stretch>
        </p:blipFill>
        <p:spPr>
          <a:xfrm>
            <a:off x="358775" y="4668427"/>
            <a:ext cx="964800" cy="291600"/>
          </a:xfrm>
          <a:prstGeom prst="rect">
            <a:avLst/>
          </a:prstGeom>
        </p:spPr>
      </p:pic>
      <p:sp>
        <p:nvSpPr>
          <p:cNvPr id="13" name="Rectangle 12" descr="{&quot;templafy&quot;:{&quot;id&quot;:&quot;e985b3a3-2e16-42ed-97c1-74aa76b1bd68&quot;}}">
            <a:extLst>
              <a:ext uri="{FF2B5EF4-FFF2-40B4-BE49-F238E27FC236}">
                <a16:creationId xmlns:a16="http://schemas.microsoft.com/office/drawing/2014/main" id="{D1217118-5A25-4DE0-99F7-B3460244BBBE}"/>
              </a:ext>
            </a:extLst>
          </p:cNvPr>
          <p:cNvSpPr/>
          <p:nvPr userDrawn="1"/>
        </p:nvSpPr>
        <p:spPr>
          <a:xfrm>
            <a:off x="2516261" y="4767263"/>
            <a:ext cx="3884539" cy="22540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endParaRPr lang="de-CH" sz="800">
              <a:solidFill>
                <a:schemeClr val="tx1"/>
              </a:solidFill>
            </a:endParaRPr>
          </a:p>
        </p:txBody>
      </p:sp>
      <p:sp>
        <p:nvSpPr>
          <p:cNvPr id="15" name="Rectangle 14" descr="{&quot;templafy&quot;:{&quot;id&quot;:&quot;1a7d2b30-a72b-46cb-a878-fa1fb4704347&quot;}}" hidden="1">
            <a:extLst>
              <a:ext uri="{FF2B5EF4-FFF2-40B4-BE49-F238E27FC236}">
                <a16:creationId xmlns:a16="http://schemas.microsoft.com/office/drawing/2014/main" id="{544AC9A2-9666-4133-BC67-BE44B6459332}"/>
              </a:ext>
            </a:extLst>
          </p:cNvPr>
          <p:cNvSpPr/>
          <p:nvPr userDrawn="1"/>
        </p:nvSpPr>
        <p:spPr>
          <a:xfrm>
            <a:off x="358775" y="4768290"/>
            <a:ext cx="2569063" cy="18850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lstStyle/>
          <a:p>
            <a:pPr algn="l"/>
            <a:r>
              <a:rPr lang="de-CH" sz="800" u="none">
                <a:solidFill>
                  <a:schemeClr val="tx1"/>
                </a:solidFill>
              </a:rPr>
              <a:t>Universität St.Gallen (HSG)
HSG Alumni</a:t>
            </a:r>
          </a:p>
        </p:txBody>
      </p:sp>
    </p:spTree>
    <p:extLst>
      <p:ext uri="{BB962C8B-B14F-4D97-AF65-F5344CB8AC3E}">
        <p14:creationId xmlns:p14="http://schemas.microsoft.com/office/powerpoint/2010/main" val="347967613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2501321-794C-47B8-ABDC-7DAF88C9DC68}"/>
              </a:ext>
            </a:extLst>
          </p:cNvPr>
          <p:cNvSpPr>
            <a:spLocks noGrp="1"/>
          </p:cNvSpPr>
          <p:nvPr>
            <p:ph type="title"/>
          </p:nvPr>
        </p:nvSpPr>
        <p:spPr>
          <a:xfrm>
            <a:off x="358775" y="376238"/>
            <a:ext cx="8426450" cy="609662"/>
          </a:xfrm>
          <a:prstGeom prst="rect">
            <a:avLst/>
          </a:prstGeom>
        </p:spPr>
        <p:txBody>
          <a:bodyPr vert="horz" lIns="0" tIns="0" rIns="0" bIns="0" rtlCol="0" anchor="t">
            <a:noAutofit/>
          </a:bodyPr>
          <a:lstStyle/>
          <a:p>
            <a:r>
              <a:rPr lang="de-CH"/>
              <a:t>Click to edit Master title style</a:t>
            </a:r>
          </a:p>
        </p:txBody>
      </p:sp>
      <p:sp>
        <p:nvSpPr>
          <p:cNvPr id="3" name="Text Placeholder 2">
            <a:extLst>
              <a:ext uri="{FF2B5EF4-FFF2-40B4-BE49-F238E27FC236}">
                <a16:creationId xmlns:a16="http://schemas.microsoft.com/office/drawing/2014/main" id="{076F94A2-50F8-430F-B46C-2D50472D7A69}"/>
              </a:ext>
            </a:extLst>
          </p:cNvPr>
          <p:cNvSpPr>
            <a:spLocks noGrp="1"/>
          </p:cNvSpPr>
          <p:nvPr>
            <p:ph type="body" idx="1"/>
          </p:nvPr>
        </p:nvSpPr>
        <p:spPr>
          <a:xfrm>
            <a:off x="358775" y="1276350"/>
            <a:ext cx="8426450" cy="3203575"/>
          </a:xfrm>
          <a:prstGeom prst="rect">
            <a:avLst/>
          </a:prstGeom>
        </p:spPr>
        <p:txBody>
          <a:bodyPr vert="horz" lIns="0" tIns="0" rIns="0" bIns="0" rtlCol="0">
            <a:normAutofit/>
          </a:bodyPr>
          <a:lstStyle/>
          <a:p>
            <a:pPr lvl="0"/>
            <a:r>
              <a:rPr lang="de-CH"/>
              <a:t>Click to edit Master text styles</a:t>
            </a:r>
          </a:p>
          <a:p>
            <a:pPr lvl="1"/>
            <a:r>
              <a:rPr lang="de-CH"/>
              <a:t>Second level</a:t>
            </a:r>
          </a:p>
          <a:p>
            <a:pPr lvl="2"/>
            <a:r>
              <a:rPr lang="de-CH"/>
              <a:t>Third level</a:t>
            </a:r>
          </a:p>
          <a:p>
            <a:pPr lvl="3"/>
            <a:r>
              <a:rPr lang="de-CH"/>
              <a:t>Fourth level</a:t>
            </a:r>
          </a:p>
          <a:p>
            <a:pPr lvl="4"/>
            <a:r>
              <a:rPr lang="de-CH"/>
              <a:t>Fifth level</a:t>
            </a:r>
          </a:p>
        </p:txBody>
      </p:sp>
      <p:sp>
        <p:nvSpPr>
          <p:cNvPr id="4" name="Date Placeholder 3">
            <a:extLst>
              <a:ext uri="{FF2B5EF4-FFF2-40B4-BE49-F238E27FC236}">
                <a16:creationId xmlns:a16="http://schemas.microsoft.com/office/drawing/2014/main" id="{A01CEDF7-309C-40F3-8700-9F4DBE766E2C}"/>
              </a:ext>
            </a:extLst>
          </p:cNvPr>
          <p:cNvSpPr>
            <a:spLocks noGrp="1"/>
          </p:cNvSpPr>
          <p:nvPr>
            <p:ph type="dt" sz="half" idx="2"/>
          </p:nvPr>
        </p:nvSpPr>
        <p:spPr>
          <a:xfrm>
            <a:off x="6804000" y="4770375"/>
            <a:ext cx="1177196" cy="184336"/>
          </a:xfrm>
          <a:prstGeom prst="rect">
            <a:avLst/>
          </a:prstGeom>
        </p:spPr>
        <p:txBody>
          <a:bodyPr vert="horz" lIns="0" tIns="0" rIns="0" bIns="0" rtlCol="0" anchor="t"/>
          <a:lstStyle>
            <a:lvl1pPr algn="l">
              <a:defRPr sz="800">
                <a:solidFill>
                  <a:schemeClr val="tx1"/>
                </a:solidFill>
              </a:defRPr>
            </a:lvl1pPr>
          </a:lstStyle>
          <a:p>
            <a:fld id="{ED8FFC02-F414-406A-9AF9-AE6E7846E736}" type="datetime4">
              <a:rPr lang="de-CH" smtClean="0"/>
              <a:t>8 Februar 2023</a:t>
            </a:fld>
            <a:endParaRPr lang="de-CH"/>
          </a:p>
        </p:txBody>
      </p:sp>
      <p:sp>
        <p:nvSpPr>
          <p:cNvPr id="5" name="Footer Placeholder 4">
            <a:extLst>
              <a:ext uri="{FF2B5EF4-FFF2-40B4-BE49-F238E27FC236}">
                <a16:creationId xmlns:a16="http://schemas.microsoft.com/office/drawing/2014/main" id="{867B08D8-7EDB-4388-A7EE-8AB294EA7887}"/>
              </a:ext>
            </a:extLst>
          </p:cNvPr>
          <p:cNvSpPr>
            <a:spLocks noGrp="1"/>
          </p:cNvSpPr>
          <p:nvPr>
            <p:ph type="ftr" sz="quarter" idx="3"/>
          </p:nvPr>
        </p:nvSpPr>
        <p:spPr>
          <a:xfrm>
            <a:off x="2519999" y="4770374"/>
            <a:ext cx="3086100" cy="184335"/>
          </a:xfrm>
          <a:prstGeom prst="rect">
            <a:avLst/>
          </a:prstGeom>
        </p:spPr>
        <p:txBody>
          <a:bodyPr vert="horz" lIns="0" tIns="0" rIns="0" bIns="0" rtlCol="0" anchor="t"/>
          <a:lstStyle>
            <a:lvl1pPr algn="l">
              <a:defRPr sz="800">
                <a:solidFill>
                  <a:schemeClr val="tx1"/>
                </a:solidFill>
              </a:defRPr>
            </a:lvl1pPr>
          </a:lstStyle>
          <a:p>
            <a:r>
              <a:rPr lang="de-CH"/>
              <a:t>Corporate Design - Power Point Master</a:t>
            </a:r>
          </a:p>
        </p:txBody>
      </p:sp>
      <p:sp>
        <p:nvSpPr>
          <p:cNvPr id="6" name="Slide Number Placeholder 5">
            <a:extLst>
              <a:ext uri="{FF2B5EF4-FFF2-40B4-BE49-F238E27FC236}">
                <a16:creationId xmlns:a16="http://schemas.microsoft.com/office/drawing/2014/main" id="{7A26C2A0-BCAA-4FD2-BD67-F5225215B65D}"/>
              </a:ext>
            </a:extLst>
          </p:cNvPr>
          <p:cNvSpPr>
            <a:spLocks noGrp="1"/>
          </p:cNvSpPr>
          <p:nvPr>
            <p:ph type="sldNum" sz="quarter" idx="4"/>
          </p:nvPr>
        </p:nvSpPr>
        <p:spPr>
          <a:xfrm>
            <a:off x="8571600" y="4767263"/>
            <a:ext cx="216000" cy="273844"/>
          </a:xfrm>
          <a:prstGeom prst="rect">
            <a:avLst/>
          </a:prstGeom>
        </p:spPr>
        <p:txBody>
          <a:bodyPr vert="horz" lIns="0" tIns="0" rIns="0" bIns="0" rtlCol="0" anchor="t"/>
          <a:lstStyle>
            <a:lvl1pPr algn="ctr">
              <a:defRPr sz="800" spc="-30" baseline="0">
                <a:solidFill>
                  <a:schemeClr val="bg2"/>
                </a:solidFill>
              </a:defRPr>
            </a:lvl1pPr>
          </a:lstStyle>
          <a:p>
            <a:fld id="{7559FC98-AF75-4A00-A03C-DF9FEBF6BCB9}" type="slidenum">
              <a:rPr lang="de-CH" smtClean="0"/>
              <a:pPr/>
              <a:t>‹Nr.›</a:t>
            </a:fld>
            <a:endParaRPr lang="de-CH"/>
          </a:p>
        </p:txBody>
      </p:sp>
    </p:spTree>
    <p:extLst>
      <p:ext uri="{BB962C8B-B14F-4D97-AF65-F5344CB8AC3E}">
        <p14:creationId xmlns:p14="http://schemas.microsoft.com/office/powerpoint/2010/main" val="4246037650"/>
      </p:ext>
    </p:extLst>
  </p:cSld>
  <p:clrMap bg1="lt1" tx1="dk1" bg2="lt2" tx2="dk2" accent1="accent1" accent2="accent2" accent3="accent3" accent4="accent4" accent5="accent5" accent6="accent6" hlink="hlink" folHlink="folHlink"/>
  <p:sldLayoutIdLst>
    <p:sldLayoutId id="2147483661" r:id="rId1"/>
    <p:sldLayoutId id="2147483688" r:id="rId2"/>
    <p:sldLayoutId id="2147483689" r:id="rId3"/>
    <p:sldLayoutId id="2147483677" r:id="rId4"/>
    <p:sldLayoutId id="2147483663" r:id="rId5"/>
    <p:sldLayoutId id="2147483686" r:id="rId6"/>
    <p:sldLayoutId id="2147483664" r:id="rId7"/>
    <p:sldLayoutId id="2147483662" r:id="rId8"/>
    <p:sldLayoutId id="2147483672" r:id="rId9"/>
    <p:sldLayoutId id="2147483673" r:id="rId10"/>
    <p:sldLayoutId id="2147483666" r:id="rId11"/>
    <p:sldLayoutId id="2147483680" r:id="rId12"/>
    <p:sldLayoutId id="2147483678" r:id="rId13"/>
    <p:sldLayoutId id="2147483679" r:id="rId14"/>
    <p:sldLayoutId id="2147483675" r:id="rId15"/>
    <p:sldLayoutId id="2147483683" r:id="rId16"/>
    <p:sldLayoutId id="2147483667" r:id="rId17"/>
    <p:sldLayoutId id="2147483681" r:id="rId18"/>
    <p:sldLayoutId id="2147483670" r:id="rId19"/>
    <p:sldLayoutId id="2147483671" r:id="rId20"/>
    <p:sldLayoutId id="2147483690" r:id="rId21"/>
  </p:sldLayoutIdLst>
  <p:hf hdr="0"/>
  <p:txStyles>
    <p:titleStyle>
      <a:lvl1pPr algn="l" defTabSz="685800" rtl="0" eaLnBrk="1" latinLnBrk="0" hangingPunct="1">
        <a:lnSpc>
          <a:spcPct val="90000"/>
        </a:lnSpc>
        <a:spcBef>
          <a:spcPct val="0"/>
        </a:spcBef>
        <a:buNone/>
        <a:defRPr sz="2400" kern="1200">
          <a:solidFill>
            <a:schemeClr val="tx1"/>
          </a:solidFill>
          <a:latin typeface="+mj-lt"/>
          <a:ea typeface="+mj-ea"/>
          <a:cs typeface="+mj-cs"/>
        </a:defRPr>
      </a:lvl1pPr>
    </p:titleStyle>
    <p:bodyStyle>
      <a:lvl1pPr marL="0" indent="0" algn="l" defTabSz="685800" rtl="0" eaLnBrk="1" latinLnBrk="0" hangingPunct="1">
        <a:lnSpc>
          <a:spcPct val="100000"/>
        </a:lnSpc>
        <a:spcBef>
          <a:spcPts val="0"/>
        </a:spcBef>
        <a:buFont typeface="Arial" panose="020B0604020202020204" pitchFamily="34" charset="0"/>
        <a:buNone/>
        <a:defRPr sz="1400" kern="1200">
          <a:solidFill>
            <a:schemeClr val="tx1"/>
          </a:solidFill>
          <a:latin typeface="+mn-lt"/>
          <a:ea typeface="+mn-ea"/>
          <a:cs typeface="+mn-cs"/>
        </a:defRPr>
      </a:lvl1pPr>
      <a:lvl2pPr marL="18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2pPr>
      <a:lvl3pPr marL="540000" indent="-180000" algn="l" defTabSz="685800" rtl="0" eaLnBrk="1" latinLnBrk="0" hangingPunct="1">
        <a:lnSpc>
          <a:spcPct val="100000"/>
        </a:lnSpc>
        <a:spcBef>
          <a:spcPts val="0"/>
        </a:spcBef>
        <a:spcAft>
          <a:spcPts val="400"/>
        </a:spcAft>
        <a:buFont typeface="Arial" panose="020B0604020202020204" pitchFamily="34" charset="0"/>
        <a:buChar char="•"/>
        <a:defRPr sz="1400" kern="1200">
          <a:solidFill>
            <a:schemeClr val="tx1"/>
          </a:solidFill>
          <a:latin typeface="+mn-lt"/>
          <a:ea typeface="+mn-ea"/>
          <a:cs typeface="+mn-cs"/>
        </a:defRPr>
      </a:lvl3pPr>
      <a:lvl4pPr marL="90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4pPr>
      <a:lvl5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5pPr>
      <a:lvl6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6pPr>
      <a:lvl7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7pPr>
      <a:lvl8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8pPr>
      <a:lvl9pPr marL="1260000" indent="-180000" algn="l" defTabSz="685800" rtl="0" eaLnBrk="1" latinLnBrk="0" hangingPunct="1">
        <a:lnSpc>
          <a:spcPct val="100000"/>
        </a:lnSpc>
        <a:spcBef>
          <a:spcPts val="0"/>
        </a:spcBef>
        <a:spcAft>
          <a:spcPts val="400"/>
        </a:spcAft>
        <a:buSzPct val="110000"/>
        <a:buFont typeface="Arial" panose="020B0604020202020204" pitchFamily="34" charset="0"/>
        <a:buChar char="◦"/>
        <a:defRPr sz="1400" kern="1200">
          <a:solidFill>
            <a:schemeClr val="tx1"/>
          </a:solidFill>
          <a:latin typeface="+mn-lt"/>
          <a:ea typeface="+mn-ea"/>
          <a:cs typeface="+mn-cs"/>
        </a:defRPr>
      </a:lvl9pPr>
    </p:bodyStyle>
    <p:otherStyle>
      <a:defPPr>
        <a:defRPr lang="de-DE"/>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3">
          <p15:clr>
            <a:srgbClr val="F26B43"/>
          </p15:clr>
        </p15:guide>
        <p15:guide id="3" pos="226">
          <p15:clr>
            <a:srgbClr val="F26B43"/>
          </p15:clr>
        </p15:guide>
        <p15:guide id="4" pos="5534">
          <p15:clr>
            <a:srgbClr val="F26B43"/>
          </p15:clr>
        </p15:guide>
        <p15:guide id="5" orient="horz" pos="237">
          <p15:clr>
            <a:srgbClr val="F26B43"/>
          </p15:clr>
        </p15:guide>
        <p15:guide id="6" orient="horz" pos="804" userDrawn="1">
          <p15:clr>
            <a:srgbClr val="F26B43"/>
          </p15:clr>
        </p15:guide>
        <p15:guide id="7" orient="horz" pos="2822">
          <p15:clr>
            <a:srgbClr val="F26B43"/>
          </p15:clr>
        </p15:guide>
        <p15:guide id="8" pos="2823">
          <p15:clr>
            <a:srgbClr val="F26B43"/>
          </p15:clr>
        </p15:guide>
        <p15:guide id="9" pos="2937">
          <p15:clr>
            <a:srgbClr val="F26B43"/>
          </p15:clr>
        </p15:guide>
        <p15:guide id="10" orient="horz" pos="463">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eg"/><Relationship Id="rId1" Type="http://schemas.openxmlformats.org/officeDocument/2006/relationships/slideLayout" Target="../slideLayouts/slideLayout2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20.emf"/><Relationship Id="rId5" Type="http://schemas.openxmlformats.org/officeDocument/2006/relationships/image" Target="../media/image19.emf"/><Relationship Id="rId4" Type="http://schemas.openxmlformats.org/officeDocument/2006/relationships/image" Target="../media/image18.emf"/></Relationships>
</file>

<file path=ppt/slides/_rels/slide2.xml.rels><?xml version="1.0" encoding="UTF-8" standalone="yes"?>
<Relationships xmlns="http://schemas.openxmlformats.org/package/2006/relationships"><Relationship Id="rId3" Type="http://schemas.openxmlformats.org/officeDocument/2006/relationships/hyperlink" Target="https://hsgalumni.ch/en/about/" TargetMode="External"/><Relationship Id="rId2" Type="http://schemas.openxmlformats.org/officeDocument/2006/relationships/image" Target="../media/image5.png"/><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Layout" Target="../slideLayouts/slideLayout8.xml"/><Relationship Id="rId5" Type="http://schemas.openxmlformats.org/officeDocument/2006/relationships/image" Target="../media/image9.png"/><Relationship Id="rId4" Type="http://schemas.openxmlformats.org/officeDocument/2006/relationships/image" Target="../media/image8.png"/></Relationships>
</file>

<file path=ppt/slides/_rels/slide4.xml.rels><?xml version="1.0" encoding="UTF-8" standalone="yes"?>
<Relationships xmlns="http://schemas.openxmlformats.org/package/2006/relationships"><Relationship Id="rId8" Type="http://schemas.openxmlformats.org/officeDocument/2006/relationships/image" Target="../media/image16.jpeg"/><Relationship Id="rId3" Type="http://schemas.openxmlformats.org/officeDocument/2006/relationships/image" Target="../media/image11.jpeg"/><Relationship Id="rId7" Type="http://schemas.openxmlformats.org/officeDocument/2006/relationships/image" Target="../media/image15.jpeg"/><Relationship Id="rId2" Type="http://schemas.openxmlformats.org/officeDocument/2006/relationships/image" Target="../media/image10.jpeg"/><Relationship Id="rId1" Type="http://schemas.openxmlformats.org/officeDocument/2006/relationships/slideLayout" Target="../slideLayouts/slideLayout12.xml"/><Relationship Id="rId6" Type="http://schemas.openxmlformats.org/officeDocument/2006/relationships/image" Target="../media/image14.jpeg"/><Relationship Id="rId5" Type="http://schemas.openxmlformats.org/officeDocument/2006/relationships/image" Target="../media/image13.jpeg"/><Relationship Id="rId4" Type="http://schemas.openxmlformats.org/officeDocument/2006/relationships/image" Target="../media/image12.jpeg"/><Relationship Id="rId9" Type="http://schemas.openxmlformats.org/officeDocument/2006/relationships/image" Target="../media/image17.jpeg"/></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2" Type="http://schemas.openxmlformats.org/officeDocument/2006/relationships/hyperlink" Target="https://www.flickr.com/photos/hsgalumniofficial/albums/" TargetMode="External"/><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3" Type="http://schemas.openxmlformats.org/officeDocument/2006/relationships/hyperlink" Target="https://hsgalumni.ch/de/%C3%BCber/mitgliederstruktur/" TargetMode="External"/><Relationship Id="rId2" Type="http://schemas.openxmlformats.org/officeDocument/2006/relationships/chart" Target="../charts/chart1.xml"/><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Grafik 6" descr="Ein Bild, das Person, Personen, Gruppe, Restaurant enthält.&#10;&#10;Automatisch generierte Beschreibung">
            <a:extLst>
              <a:ext uri="{FF2B5EF4-FFF2-40B4-BE49-F238E27FC236}">
                <a16:creationId xmlns:a16="http://schemas.microsoft.com/office/drawing/2014/main" id="{5BBA0C36-3BBA-0421-FF5F-B27FFEF42A36}"/>
              </a:ext>
            </a:extLst>
          </p:cNvPr>
          <p:cNvPicPr>
            <a:picLocks noChangeAspect="1"/>
          </p:cNvPicPr>
          <p:nvPr/>
        </p:nvPicPr>
        <p:blipFill rotWithShape="1">
          <a:blip r:embed="rId2">
            <a:extLst>
              <a:ext uri="{28A0092B-C50C-407E-A947-70E740481C1C}">
                <a14:useLocalDpi xmlns:a14="http://schemas.microsoft.com/office/drawing/2010/main" val="0"/>
              </a:ext>
            </a:extLst>
          </a:blip>
          <a:srcRect r="5751" b="20342"/>
          <a:stretch/>
        </p:blipFill>
        <p:spPr>
          <a:xfrm>
            <a:off x="1" y="1"/>
            <a:ext cx="9144000" cy="5143500"/>
          </a:xfrm>
          <a:prstGeom prst="rect">
            <a:avLst/>
          </a:prstGeom>
        </p:spPr>
      </p:pic>
      <p:sp>
        <p:nvSpPr>
          <p:cNvPr id="8" name="Rechteck 7">
            <a:extLst>
              <a:ext uri="{FF2B5EF4-FFF2-40B4-BE49-F238E27FC236}">
                <a16:creationId xmlns:a16="http://schemas.microsoft.com/office/drawing/2014/main" id="{EA2E8AD6-0829-9220-48FE-5005D57260D2}"/>
              </a:ext>
            </a:extLst>
          </p:cNvPr>
          <p:cNvSpPr/>
          <p:nvPr/>
        </p:nvSpPr>
        <p:spPr>
          <a:xfrm>
            <a:off x="6485467" y="0"/>
            <a:ext cx="2658533" cy="5143500"/>
          </a:xfrm>
          <a:prstGeom prst="rect">
            <a:avLst/>
          </a:prstGeom>
          <a:solidFill>
            <a:srgbClr val="00802F">
              <a:alpha val="69804"/>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e-CH"/>
          </a:p>
        </p:txBody>
      </p:sp>
      <p:pic>
        <p:nvPicPr>
          <p:cNvPr id="6" name="Grafik 5">
            <a:extLst>
              <a:ext uri="{FF2B5EF4-FFF2-40B4-BE49-F238E27FC236}">
                <a16:creationId xmlns:a16="http://schemas.microsoft.com/office/drawing/2014/main" id="{14D85AD2-0240-4DCD-A036-BD73CA3BD33C}"/>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141331" y="275184"/>
            <a:ext cx="1512168" cy="1086440"/>
          </a:xfrm>
          <a:prstGeom prst="rect">
            <a:avLst/>
          </a:prstGeom>
        </p:spPr>
      </p:pic>
    </p:spTree>
    <p:extLst>
      <p:ext uri="{BB962C8B-B14F-4D97-AF65-F5344CB8AC3E}">
        <p14:creationId xmlns:p14="http://schemas.microsoft.com/office/powerpoint/2010/main" val="316948041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1F09C9E-EE1E-4067-A84B-9401A9D0746E}"/>
              </a:ext>
            </a:extLst>
          </p:cNvPr>
          <p:cNvSpPr>
            <a:spLocks noGrp="1"/>
          </p:cNvSpPr>
          <p:nvPr>
            <p:ph type="title"/>
          </p:nvPr>
        </p:nvSpPr>
        <p:spPr>
          <a:xfrm>
            <a:off x="828000" y="1044000"/>
            <a:ext cx="7957225" cy="685801"/>
          </a:xfrm>
        </p:spPr>
        <p:txBody>
          <a:bodyPr/>
          <a:lstStyle/>
          <a:p>
            <a:r>
              <a:rPr lang="de-CH" err="1"/>
              <a:t>Thank</a:t>
            </a:r>
            <a:r>
              <a:rPr lang="de-CH"/>
              <a:t> </a:t>
            </a:r>
            <a:r>
              <a:rPr lang="de-CH" err="1"/>
              <a:t>you</a:t>
            </a:r>
            <a:r>
              <a:rPr lang="de-CH"/>
              <a:t>.</a:t>
            </a:r>
          </a:p>
        </p:txBody>
      </p:sp>
      <p:sp>
        <p:nvSpPr>
          <p:cNvPr id="6" name="Text Placeholder 5">
            <a:extLst>
              <a:ext uri="{FF2B5EF4-FFF2-40B4-BE49-F238E27FC236}">
                <a16:creationId xmlns:a16="http://schemas.microsoft.com/office/drawing/2014/main" id="{E824696A-7729-409A-82A6-A1882A1979CD}"/>
              </a:ext>
            </a:extLst>
          </p:cNvPr>
          <p:cNvSpPr>
            <a:spLocks noGrp="1"/>
          </p:cNvSpPr>
          <p:nvPr>
            <p:ph type="body" sz="quarter" idx="13"/>
          </p:nvPr>
        </p:nvSpPr>
        <p:spPr>
          <a:xfrm>
            <a:off x="828000" y="2626419"/>
            <a:ext cx="1908000" cy="862219"/>
          </a:xfrm>
        </p:spPr>
        <p:txBody>
          <a:bodyPr vert="horz" lIns="0" tIns="0" rIns="0" bIns="0" rtlCol="0" anchor="t">
            <a:noAutofit/>
          </a:bodyPr>
          <a:lstStyle/>
          <a:p>
            <a:r>
              <a:rPr lang="de-CH" dirty="0"/>
              <a:t>Email</a:t>
            </a:r>
          </a:p>
          <a:p>
            <a:r>
              <a:rPr lang="de-CH" dirty="0" err="1"/>
              <a:t>Telephone</a:t>
            </a:r>
            <a:endParaRPr lang="de-CH" dirty="0"/>
          </a:p>
        </p:txBody>
      </p:sp>
      <p:sp>
        <p:nvSpPr>
          <p:cNvPr id="7" name="Text Placeholder 6">
            <a:extLst>
              <a:ext uri="{FF2B5EF4-FFF2-40B4-BE49-F238E27FC236}">
                <a16:creationId xmlns:a16="http://schemas.microsoft.com/office/drawing/2014/main" id="{41FEE361-0677-4444-B82C-2CD575B6D679}"/>
              </a:ext>
            </a:extLst>
          </p:cNvPr>
          <p:cNvSpPr>
            <a:spLocks noGrp="1"/>
          </p:cNvSpPr>
          <p:nvPr>
            <p:ph type="body" sz="quarter" idx="14"/>
          </p:nvPr>
        </p:nvSpPr>
        <p:spPr>
          <a:xfrm>
            <a:off x="828000" y="2090947"/>
            <a:ext cx="1908000" cy="504411"/>
          </a:xfrm>
        </p:spPr>
        <p:txBody>
          <a:bodyPr/>
          <a:lstStyle/>
          <a:p>
            <a:r>
              <a:rPr lang="de-CH" dirty="0"/>
              <a:t>Name</a:t>
            </a:r>
          </a:p>
        </p:txBody>
      </p:sp>
      <p:pic>
        <p:nvPicPr>
          <p:cNvPr id="4" name="Picture 3">
            <a:extLst>
              <a:ext uri="{FF2B5EF4-FFF2-40B4-BE49-F238E27FC236}">
                <a16:creationId xmlns:a16="http://schemas.microsoft.com/office/drawing/2014/main" id="{D66579F3-9E4D-4B77-A1A9-7BD0A6B28655}"/>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8267388" y="4027251"/>
            <a:ext cx="493406" cy="457304"/>
          </a:xfrm>
          <a:prstGeom prst="rect">
            <a:avLst/>
          </a:prstGeom>
        </p:spPr>
      </p:pic>
      <p:pic>
        <p:nvPicPr>
          <p:cNvPr id="8" name="Picture 7">
            <a:extLst>
              <a:ext uri="{FF2B5EF4-FFF2-40B4-BE49-F238E27FC236}">
                <a16:creationId xmlns:a16="http://schemas.microsoft.com/office/drawing/2014/main" id="{4841F086-1C70-4391-8FD2-19574420591A}"/>
              </a:ext>
            </a:extLst>
          </p:cNvPr>
          <p:cNvPicPr>
            <a:picLocks noChangeAspect="1"/>
          </p:cNvPicPr>
          <p:nvPr/>
        </p:nvPicPr>
        <p:blipFill rotWithShape="1">
          <a:blip r:embed="rId5">
            <a:extLst>
              <a:ext uri="{28A0092B-C50C-407E-A947-70E740481C1C}">
                <a14:useLocalDpi xmlns:a14="http://schemas.microsoft.com/office/drawing/2010/main" val="0"/>
              </a:ext>
            </a:extLst>
          </a:blip>
          <a:srcRect l="9728" t="13690" b="14256"/>
          <a:stretch/>
        </p:blipFill>
        <p:spPr>
          <a:xfrm>
            <a:off x="6832891" y="4027250"/>
            <a:ext cx="843193" cy="487943"/>
          </a:xfrm>
          <a:prstGeom prst="rect">
            <a:avLst/>
          </a:prstGeom>
        </p:spPr>
      </p:pic>
      <p:pic>
        <p:nvPicPr>
          <p:cNvPr id="10" name="Picture 9">
            <a:extLst>
              <a:ext uri="{FF2B5EF4-FFF2-40B4-BE49-F238E27FC236}">
                <a16:creationId xmlns:a16="http://schemas.microsoft.com/office/drawing/2014/main" id="{20B60D22-5E16-4CE3-A1B9-DE07D568F25F}"/>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764648" y="4036979"/>
            <a:ext cx="327802" cy="457304"/>
          </a:xfrm>
          <a:prstGeom prst="rect">
            <a:avLst/>
          </a:prstGeom>
        </p:spPr>
      </p:pic>
      <p:sp>
        <p:nvSpPr>
          <p:cNvPr id="12" name="TextBox 11">
            <a:extLst>
              <a:ext uri="{FF2B5EF4-FFF2-40B4-BE49-F238E27FC236}">
                <a16:creationId xmlns:a16="http://schemas.microsoft.com/office/drawing/2014/main" id="{DA76B503-B2B9-4A0B-9F09-D2E0223A2198}"/>
              </a:ext>
            </a:extLst>
          </p:cNvPr>
          <p:cNvSpPr txBox="1"/>
          <p:nvPr/>
        </p:nvSpPr>
        <p:spPr>
          <a:xfrm>
            <a:off x="6897016" y="3750624"/>
            <a:ext cx="907300" cy="153888"/>
          </a:xfrm>
          <a:prstGeom prst="rect">
            <a:avLst/>
          </a:prstGeom>
          <a:noFill/>
        </p:spPr>
        <p:txBody>
          <a:bodyPr wrap="none" lIns="0" tIns="0" rIns="0" bIns="0" rtlCol="0">
            <a:spAutoFit/>
          </a:bodyPr>
          <a:lstStyle/>
          <a:p>
            <a:r>
              <a:rPr lang="de-CH" sz="1000"/>
              <a:t>Akkreditierungen</a:t>
            </a:r>
            <a:endParaRPr lang="de-CH"/>
          </a:p>
        </p:txBody>
      </p:sp>
      <p:sp>
        <p:nvSpPr>
          <p:cNvPr id="5" name="Textplatzhalter 4">
            <a:extLst>
              <a:ext uri="{FF2B5EF4-FFF2-40B4-BE49-F238E27FC236}">
                <a16:creationId xmlns:a16="http://schemas.microsoft.com/office/drawing/2014/main" id="{1FFD01C0-0F99-D478-CDCE-C3F6AB59DBB0}"/>
              </a:ext>
            </a:extLst>
          </p:cNvPr>
          <p:cNvSpPr>
            <a:spLocks noGrp="1"/>
          </p:cNvSpPr>
          <p:nvPr>
            <p:ph type="body" sz="quarter" idx="16"/>
          </p:nvPr>
        </p:nvSpPr>
        <p:spPr/>
        <p:txBody>
          <a:bodyPr/>
          <a:lstStyle/>
          <a:p>
            <a:endParaRPr lang="de-CH"/>
          </a:p>
        </p:txBody>
      </p:sp>
      <p:sp>
        <p:nvSpPr>
          <p:cNvPr id="11" name="Textplatzhalter 10">
            <a:extLst>
              <a:ext uri="{FF2B5EF4-FFF2-40B4-BE49-F238E27FC236}">
                <a16:creationId xmlns:a16="http://schemas.microsoft.com/office/drawing/2014/main" id="{109C7285-BA89-7D86-D5B5-0E2151057018}"/>
              </a:ext>
            </a:extLst>
          </p:cNvPr>
          <p:cNvSpPr>
            <a:spLocks noGrp="1"/>
          </p:cNvSpPr>
          <p:nvPr>
            <p:ph type="body" sz="quarter" idx="17"/>
          </p:nvPr>
        </p:nvSpPr>
        <p:spPr/>
        <p:txBody>
          <a:bodyPr/>
          <a:lstStyle/>
          <a:p>
            <a:endParaRPr lang="de-CH"/>
          </a:p>
        </p:txBody>
      </p:sp>
    </p:spTree>
    <p:custDataLst>
      <p:custData r:id="rId1"/>
      <p:custData r:id="rId2"/>
    </p:custDataLst>
    <p:extLst>
      <p:ext uri="{BB962C8B-B14F-4D97-AF65-F5344CB8AC3E}">
        <p14:creationId xmlns:p14="http://schemas.microsoft.com/office/powerpoint/2010/main" val="368831964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3CA7128-3F4A-4BE5-9706-C0B4C34FA8A6}"/>
              </a:ext>
            </a:extLst>
          </p:cNvPr>
          <p:cNvSpPr>
            <a:spLocks noGrp="1"/>
          </p:cNvSpPr>
          <p:nvPr>
            <p:ph type="title"/>
          </p:nvPr>
        </p:nvSpPr>
        <p:spPr/>
        <p:txBody>
          <a:bodyPr/>
          <a:lstStyle/>
          <a:p>
            <a:r>
              <a:rPr lang="de-DE" sz="1200" dirty="0"/>
              <a:t>HSG Alumni</a:t>
            </a:r>
            <a:br>
              <a:rPr lang="de-DE" dirty="0"/>
            </a:br>
            <a:r>
              <a:rPr lang="en-US" dirty="0"/>
              <a:t>Over 180 HSG Alumni Clubs on five continents</a:t>
            </a:r>
            <a:endParaRPr lang="de-CH" dirty="0"/>
          </a:p>
        </p:txBody>
      </p:sp>
      <p:sp>
        <p:nvSpPr>
          <p:cNvPr id="5" name="Inhaltsplatzhalter 4">
            <a:extLst>
              <a:ext uri="{FF2B5EF4-FFF2-40B4-BE49-F238E27FC236}">
                <a16:creationId xmlns:a16="http://schemas.microsoft.com/office/drawing/2014/main" id="{EB168DA6-6895-400A-8CEE-0AEC1DE1E3B0}"/>
              </a:ext>
            </a:extLst>
          </p:cNvPr>
          <p:cNvSpPr>
            <a:spLocks noGrp="1"/>
          </p:cNvSpPr>
          <p:nvPr>
            <p:ph sz="half" idx="1"/>
          </p:nvPr>
        </p:nvSpPr>
        <p:spPr>
          <a:xfrm>
            <a:off x="449262" y="2173286"/>
            <a:ext cx="4122738" cy="1409701"/>
          </a:xfrm>
        </p:spPr>
        <p:txBody>
          <a:bodyPr/>
          <a:lstStyle/>
          <a:p>
            <a:r>
              <a:rPr lang="en-US"/>
              <a:t>HSG Alumni is the official alumni </a:t>
            </a:r>
            <a:r>
              <a:rPr lang="en-US" err="1"/>
              <a:t>organisation</a:t>
            </a:r>
            <a:r>
              <a:rPr lang="en-US"/>
              <a:t> of the University of St.Gallen. Since 2017, the number of HSG Alumni members has risen from 27,722 to 33,973. HSG Alumni is regarded as one of Europe’s largest and most professional alumni </a:t>
            </a:r>
            <a:r>
              <a:rPr lang="en-US" err="1"/>
              <a:t>organisations</a:t>
            </a:r>
            <a:r>
              <a:rPr lang="en-US"/>
              <a:t>.</a:t>
            </a:r>
          </a:p>
          <a:p>
            <a:endParaRPr lang="de-CH"/>
          </a:p>
        </p:txBody>
      </p:sp>
      <p:sp>
        <p:nvSpPr>
          <p:cNvPr id="4" name="Foliennummernplatzhalter 3">
            <a:extLst>
              <a:ext uri="{FF2B5EF4-FFF2-40B4-BE49-F238E27FC236}">
                <a16:creationId xmlns:a16="http://schemas.microsoft.com/office/drawing/2014/main" id="{9F68CA4A-4598-490D-A420-995CCF716BB9}"/>
              </a:ext>
            </a:extLst>
          </p:cNvPr>
          <p:cNvSpPr>
            <a:spLocks noGrp="1"/>
          </p:cNvSpPr>
          <p:nvPr>
            <p:ph type="sldNum" sz="quarter" idx="16"/>
          </p:nvPr>
        </p:nvSpPr>
        <p:spPr/>
        <p:txBody>
          <a:bodyPr/>
          <a:lstStyle/>
          <a:p>
            <a:fld id="{7559FC98-AF75-4A00-A03C-DF9FEBF6BCB9}" type="slidenum">
              <a:rPr lang="de-CH" smtClean="0"/>
              <a:pPr/>
              <a:t>2</a:t>
            </a:fld>
            <a:endParaRPr lang="de-CH"/>
          </a:p>
        </p:txBody>
      </p:sp>
      <p:pic>
        <p:nvPicPr>
          <p:cNvPr id="7" name="Inhaltsplatzhalter 6">
            <a:extLst>
              <a:ext uri="{FF2B5EF4-FFF2-40B4-BE49-F238E27FC236}">
                <a16:creationId xmlns:a16="http://schemas.microsoft.com/office/drawing/2014/main" id="{D842FA56-6D2C-468C-AE23-A609E7C660EB}"/>
              </a:ext>
            </a:extLst>
          </p:cNvPr>
          <p:cNvPicPr>
            <a:picLocks noGrp="1" noChangeAspect="1"/>
          </p:cNvPicPr>
          <p:nvPr>
            <p:ph sz="half" idx="2"/>
          </p:nvPr>
        </p:nvPicPr>
        <p:blipFill>
          <a:blip r:embed="rId2"/>
          <a:stretch>
            <a:fillRect/>
          </a:stretch>
        </p:blipFill>
        <p:spPr>
          <a:xfrm>
            <a:off x="5460441" y="1276350"/>
            <a:ext cx="2526831" cy="3203575"/>
          </a:xfrm>
          <a:prstGeom prst="rect">
            <a:avLst/>
          </a:prstGeom>
        </p:spPr>
      </p:pic>
      <p:sp>
        <p:nvSpPr>
          <p:cNvPr id="3" name="Textfeld 2">
            <a:extLst>
              <a:ext uri="{FF2B5EF4-FFF2-40B4-BE49-F238E27FC236}">
                <a16:creationId xmlns:a16="http://schemas.microsoft.com/office/drawing/2014/main" id="{DEB272CA-10A9-7C44-7A9C-BEB85C13D1B8}"/>
              </a:ext>
            </a:extLst>
          </p:cNvPr>
          <p:cNvSpPr txBox="1"/>
          <p:nvPr/>
        </p:nvSpPr>
        <p:spPr>
          <a:xfrm>
            <a:off x="370734" y="4297621"/>
            <a:ext cx="1751762" cy="276999"/>
          </a:xfrm>
          <a:prstGeom prst="rect">
            <a:avLst/>
          </a:prstGeom>
          <a:solidFill>
            <a:schemeClr val="accent2"/>
          </a:solidFill>
        </p:spPr>
        <p:txBody>
          <a:bodyPr wrap="none" rtlCol="0">
            <a:spAutoFit/>
          </a:bodyPr>
          <a:lstStyle/>
          <a:p>
            <a:r>
              <a:rPr lang="de-DE" sz="1200">
                <a:hlinkClick r:id="rId3"/>
              </a:rPr>
              <a:t>More </a:t>
            </a:r>
            <a:r>
              <a:rPr lang="de-DE" sz="1200" err="1">
                <a:hlinkClick r:id="rId3"/>
              </a:rPr>
              <a:t>about</a:t>
            </a:r>
            <a:r>
              <a:rPr lang="de-DE" sz="1200">
                <a:hlinkClick r:id="rId3"/>
              </a:rPr>
              <a:t> HSG Alumni</a:t>
            </a:r>
            <a:endParaRPr lang="de-DE" sz="1200"/>
          </a:p>
        </p:txBody>
      </p:sp>
    </p:spTree>
    <p:extLst>
      <p:ext uri="{BB962C8B-B14F-4D97-AF65-F5344CB8AC3E}">
        <p14:creationId xmlns:p14="http://schemas.microsoft.com/office/powerpoint/2010/main" val="202230741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1D053CD-E079-4E61-995E-924830CD7F9A}"/>
              </a:ext>
            </a:extLst>
          </p:cNvPr>
          <p:cNvSpPr>
            <a:spLocks noGrp="1"/>
          </p:cNvSpPr>
          <p:nvPr>
            <p:ph type="title"/>
          </p:nvPr>
        </p:nvSpPr>
        <p:spPr/>
        <p:txBody>
          <a:bodyPr/>
          <a:lstStyle/>
          <a:p>
            <a:r>
              <a:rPr lang="de-DE" sz="1200"/>
              <a:t>HSG Alumni</a:t>
            </a:r>
            <a:br>
              <a:rPr lang="de-DE"/>
            </a:br>
            <a:r>
              <a:rPr lang="en-US"/>
              <a:t>Our vision</a:t>
            </a:r>
            <a:endParaRPr lang="de-CH"/>
          </a:p>
        </p:txBody>
      </p:sp>
      <p:sp>
        <p:nvSpPr>
          <p:cNvPr id="4" name="Foliennummernplatzhalter 3">
            <a:extLst>
              <a:ext uri="{FF2B5EF4-FFF2-40B4-BE49-F238E27FC236}">
                <a16:creationId xmlns:a16="http://schemas.microsoft.com/office/drawing/2014/main" id="{15198C13-702A-488C-9AFA-76206B3CD916}"/>
              </a:ext>
            </a:extLst>
          </p:cNvPr>
          <p:cNvSpPr>
            <a:spLocks noGrp="1"/>
          </p:cNvSpPr>
          <p:nvPr>
            <p:ph type="sldNum" sz="quarter" idx="12"/>
          </p:nvPr>
        </p:nvSpPr>
        <p:spPr/>
        <p:txBody>
          <a:bodyPr/>
          <a:lstStyle/>
          <a:p>
            <a:fld id="{7559FC98-AF75-4A00-A03C-DF9FEBF6BCB9}" type="slidenum">
              <a:rPr lang="de-CH" smtClean="0"/>
              <a:pPr/>
              <a:t>3</a:t>
            </a:fld>
            <a:endParaRPr lang="de-CH"/>
          </a:p>
        </p:txBody>
      </p:sp>
      <p:sp>
        <p:nvSpPr>
          <p:cNvPr id="5" name="7 CuadroTexto">
            <a:extLst>
              <a:ext uri="{FF2B5EF4-FFF2-40B4-BE49-F238E27FC236}">
                <a16:creationId xmlns:a16="http://schemas.microsoft.com/office/drawing/2014/main" id="{F3BDCE3E-DCC1-477E-9BFA-5227CC849CD6}"/>
              </a:ext>
            </a:extLst>
          </p:cNvPr>
          <p:cNvSpPr txBox="1"/>
          <p:nvPr/>
        </p:nvSpPr>
        <p:spPr>
          <a:xfrm>
            <a:off x="482802" y="985373"/>
            <a:ext cx="8088798" cy="734240"/>
          </a:xfrm>
          <a:prstGeom prst="rect">
            <a:avLst/>
          </a:prstGeom>
          <a:noFill/>
        </p:spPr>
        <p:txBody>
          <a:bodyPr wrap="square">
            <a:spAutoFit/>
          </a:bodyPr>
          <a:lstStyle/>
          <a:p>
            <a:pPr algn="ctr">
              <a:lnSpc>
                <a:spcPts val="1733"/>
              </a:lnSpc>
              <a:defRPr/>
            </a:pPr>
            <a:r>
              <a:rPr lang="en-US" sz="1400"/>
              <a:t>We aim to foster ties among current and former students, as well their relations and exchange with their University, and to promote lifelong learning and an all-round exchange of experience. Furthermore, we aim to support the University financially in teaching, research and executive education.</a:t>
            </a:r>
          </a:p>
        </p:txBody>
      </p:sp>
      <p:sp>
        <p:nvSpPr>
          <p:cNvPr id="6" name="Rectangle 3">
            <a:extLst>
              <a:ext uri="{FF2B5EF4-FFF2-40B4-BE49-F238E27FC236}">
                <a16:creationId xmlns:a16="http://schemas.microsoft.com/office/drawing/2014/main" id="{45FC67A7-FF6B-44AE-A841-2D7C50AE51B7}"/>
              </a:ext>
            </a:extLst>
          </p:cNvPr>
          <p:cNvSpPr/>
          <p:nvPr/>
        </p:nvSpPr>
        <p:spPr>
          <a:xfrm>
            <a:off x="486222" y="1971675"/>
            <a:ext cx="1837421" cy="245750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Rectangle 7">
            <a:extLst>
              <a:ext uri="{FF2B5EF4-FFF2-40B4-BE49-F238E27FC236}">
                <a16:creationId xmlns:a16="http://schemas.microsoft.com/office/drawing/2014/main" id="{F0E44C98-4D50-4607-ABD3-BF372133A1A9}"/>
              </a:ext>
            </a:extLst>
          </p:cNvPr>
          <p:cNvSpPr/>
          <p:nvPr/>
        </p:nvSpPr>
        <p:spPr>
          <a:xfrm>
            <a:off x="2575829" y="1971675"/>
            <a:ext cx="1837421" cy="245750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Rectangle 8">
            <a:extLst>
              <a:ext uri="{FF2B5EF4-FFF2-40B4-BE49-F238E27FC236}">
                <a16:creationId xmlns:a16="http://schemas.microsoft.com/office/drawing/2014/main" id="{098572A6-3715-4D7C-B3AF-4C8D341B41B1}"/>
              </a:ext>
            </a:extLst>
          </p:cNvPr>
          <p:cNvSpPr/>
          <p:nvPr/>
        </p:nvSpPr>
        <p:spPr>
          <a:xfrm>
            <a:off x="4699165" y="1971675"/>
            <a:ext cx="1837421" cy="245750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Rectangle 9">
            <a:extLst>
              <a:ext uri="{FF2B5EF4-FFF2-40B4-BE49-F238E27FC236}">
                <a16:creationId xmlns:a16="http://schemas.microsoft.com/office/drawing/2014/main" id="{E38CBEDC-34A3-43A1-A784-6A62A1718249}"/>
              </a:ext>
            </a:extLst>
          </p:cNvPr>
          <p:cNvSpPr/>
          <p:nvPr/>
        </p:nvSpPr>
        <p:spPr>
          <a:xfrm>
            <a:off x="6788712" y="1971675"/>
            <a:ext cx="1837421" cy="245750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Box 13">
            <a:extLst>
              <a:ext uri="{FF2B5EF4-FFF2-40B4-BE49-F238E27FC236}">
                <a16:creationId xmlns:a16="http://schemas.microsoft.com/office/drawing/2014/main" id="{E3EF980F-1280-4716-8A12-7E9BE6C2CE9F}"/>
              </a:ext>
            </a:extLst>
          </p:cNvPr>
          <p:cNvSpPr txBox="1"/>
          <p:nvPr/>
        </p:nvSpPr>
        <p:spPr>
          <a:xfrm>
            <a:off x="482802" y="2707331"/>
            <a:ext cx="1844261" cy="276999"/>
          </a:xfrm>
          <a:prstGeom prst="rect">
            <a:avLst/>
          </a:prstGeom>
          <a:noFill/>
        </p:spPr>
        <p:txBody>
          <a:bodyPr wrap="square" rtlCol="0">
            <a:spAutoFit/>
          </a:bodyPr>
          <a:lstStyle/>
          <a:p>
            <a:pPr algn="ctr"/>
            <a:r>
              <a:rPr lang="en-US" sz="1200" b="1">
                <a:solidFill>
                  <a:schemeClr val="tx1">
                    <a:lumMod val="75000"/>
                    <a:lumOff val="25000"/>
                  </a:schemeClr>
                </a:solidFill>
                <a:ea typeface="Lato" charset="0"/>
                <a:cs typeface="Lato" charset="0"/>
              </a:rPr>
              <a:t>Brainfood</a:t>
            </a:r>
          </a:p>
        </p:txBody>
      </p:sp>
      <p:sp>
        <p:nvSpPr>
          <p:cNvPr id="11" name="7 CuadroTexto">
            <a:extLst>
              <a:ext uri="{FF2B5EF4-FFF2-40B4-BE49-F238E27FC236}">
                <a16:creationId xmlns:a16="http://schemas.microsoft.com/office/drawing/2014/main" id="{F4AC8055-FFB5-4A30-ACCD-310D23D7DF39}"/>
              </a:ext>
            </a:extLst>
          </p:cNvPr>
          <p:cNvSpPr txBox="1"/>
          <p:nvPr/>
        </p:nvSpPr>
        <p:spPr>
          <a:xfrm>
            <a:off x="482802" y="3079073"/>
            <a:ext cx="1844261" cy="1093313"/>
          </a:xfrm>
          <a:prstGeom prst="rect">
            <a:avLst/>
          </a:prstGeom>
          <a:noFill/>
        </p:spPr>
        <p:txBody>
          <a:bodyPr wrap="square">
            <a:spAutoFit/>
          </a:bodyPr>
          <a:lstStyle/>
          <a:p>
            <a:pPr algn="ctr">
              <a:lnSpc>
                <a:spcPts val="1280"/>
              </a:lnSpc>
              <a:defRPr/>
            </a:pPr>
            <a:endParaRPr lang="en-US" sz="1200">
              <a:solidFill>
                <a:schemeClr val="bg1">
                  <a:lumMod val="50000"/>
                </a:schemeClr>
              </a:solidFill>
              <a:ea typeface="Lato" charset="0"/>
              <a:cs typeface="Lato" charset="0"/>
            </a:endParaRPr>
          </a:p>
          <a:p>
            <a:pPr algn="ctr">
              <a:lnSpc>
                <a:spcPts val="1280"/>
              </a:lnSpc>
              <a:defRPr/>
            </a:pPr>
            <a:r>
              <a:rPr lang="en-US" sz="1200">
                <a:solidFill>
                  <a:schemeClr val="bg1">
                    <a:lumMod val="50000"/>
                  </a:schemeClr>
                </a:solidFill>
                <a:ea typeface="Lato" charset="0"/>
                <a:cs typeface="Lato" charset="0"/>
              </a:rPr>
              <a:t>Enabling live-long-learning through innovative peer-to-peer learning </a:t>
            </a:r>
            <a:br>
              <a:rPr lang="en-US" sz="1200">
                <a:solidFill>
                  <a:schemeClr val="bg1">
                    <a:lumMod val="50000"/>
                  </a:schemeClr>
                </a:solidFill>
                <a:ea typeface="Lato" charset="0"/>
                <a:cs typeface="Lato" charset="0"/>
              </a:rPr>
            </a:br>
            <a:r>
              <a:rPr lang="en-US" sz="1200">
                <a:solidFill>
                  <a:schemeClr val="bg1">
                    <a:lumMod val="50000"/>
                  </a:schemeClr>
                </a:solidFill>
                <a:ea typeface="Lato" charset="0"/>
                <a:cs typeface="Lato" charset="0"/>
              </a:rPr>
              <a:t>journeys.</a:t>
            </a:r>
          </a:p>
          <a:p>
            <a:pPr algn="ctr">
              <a:lnSpc>
                <a:spcPts val="1280"/>
              </a:lnSpc>
              <a:defRPr/>
            </a:pPr>
            <a:endParaRPr lang="en-US" sz="1200">
              <a:solidFill>
                <a:schemeClr val="bg1">
                  <a:lumMod val="50000"/>
                </a:schemeClr>
              </a:solidFill>
              <a:ea typeface="Lato" charset="0"/>
              <a:cs typeface="Lato" charset="0"/>
            </a:endParaRPr>
          </a:p>
        </p:txBody>
      </p:sp>
      <p:sp>
        <p:nvSpPr>
          <p:cNvPr id="12" name="TextBox 15">
            <a:extLst>
              <a:ext uri="{FF2B5EF4-FFF2-40B4-BE49-F238E27FC236}">
                <a16:creationId xmlns:a16="http://schemas.microsoft.com/office/drawing/2014/main" id="{FF861CB1-75AA-40D1-8410-A47003694292}"/>
              </a:ext>
            </a:extLst>
          </p:cNvPr>
          <p:cNvSpPr txBox="1"/>
          <p:nvPr/>
        </p:nvSpPr>
        <p:spPr>
          <a:xfrm>
            <a:off x="2572409" y="2719332"/>
            <a:ext cx="1837421" cy="276999"/>
          </a:xfrm>
          <a:prstGeom prst="rect">
            <a:avLst/>
          </a:prstGeom>
          <a:noFill/>
        </p:spPr>
        <p:txBody>
          <a:bodyPr wrap="square" rtlCol="0">
            <a:spAutoFit/>
          </a:bodyPr>
          <a:lstStyle/>
          <a:p>
            <a:pPr algn="ctr"/>
            <a:r>
              <a:rPr lang="en-US" sz="1200" b="1">
                <a:solidFill>
                  <a:schemeClr val="tx1">
                    <a:lumMod val="75000"/>
                    <a:lumOff val="25000"/>
                  </a:schemeClr>
                </a:solidFill>
                <a:ea typeface="Lato" charset="0"/>
                <a:cs typeface="Lato" charset="0"/>
              </a:rPr>
              <a:t>Volunteering</a:t>
            </a:r>
          </a:p>
        </p:txBody>
      </p:sp>
      <p:sp>
        <p:nvSpPr>
          <p:cNvPr id="13" name="7 CuadroTexto">
            <a:extLst>
              <a:ext uri="{FF2B5EF4-FFF2-40B4-BE49-F238E27FC236}">
                <a16:creationId xmlns:a16="http://schemas.microsoft.com/office/drawing/2014/main" id="{E0B740CC-9FF0-4EEC-9739-F787F25F43C9}"/>
              </a:ext>
            </a:extLst>
          </p:cNvPr>
          <p:cNvSpPr txBox="1"/>
          <p:nvPr/>
        </p:nvSpPr>
        <p:spPr>
          <a:xfrm>
            <a:off x="2572349" y="3091074"/>
            <a:ext cx="1837481" cy="1093313"/>
          </a:xfrm>
          <a:prstGeom prst="rect">
            <a:avLst/>
          </a:prstGeom>
          <a:noFill/>
        </p:spPr>
        <p:txBody>
          <a:bodyPr wrap="square">
            <a:spAutoFit/>
          </a:bodyPr>
          <a:lstStyle/>
          <a:p>
            <a:pPr algn="ctr">
              <a:lnSpc>
                <a:spcPts val="1280"/>
              </a:lnSpc>
              <a:defRPr/>
            </a:pPr>
            <a:endParaRPr lang="en-US" sz="1200">
              <a:solidFill>
                <a:schemeClr val="bg1">
                  <a:lumMod val="50000"/>
                </a:schemeClr>
              </a:solidFill>
              <a:ea typeface="Lato" charset="0"/>
              <a:cs typeface="Lato" charset="0"/>
            </a:endParaRPr>
          </a:p>
          <a:p>
            <a:pPr algn="ctr">
              <a:lnSpc>
                <a:spcPts val="1280"/>
              </a:lnSpc>
              <a:defRPr/>
            </a:pPr>
            <a:r>
              <a:rPr lang="en-US" sz="1200">
                <a:solidFill>
                  <a:schemeClr val="bg1">
                    <a:lumMod val="50000"/>
                  </a:schemeClr>
                </a:solidFill>
                <a:ea typeface="Lato" charset="0"/>
                <a:cs typeface="Lato" charset="0"/>
              </a:rPr>
              <a:t>Building bridges between university, students and alumni through shared experiences.</a:t>
            </a:r>
          </a:p>
          <a:p>
            <a:pPr algn="ctr">
              <a:lnSpc>
                <a:spcPts val="1280"/>
              </a:lnSpc>
              <a:defRPr/>
            </a:pPr>
            <a:endParaRPr lang="en-US" sz="1200">
              <a:solidFill>
                <a:schemeClr val="bg1">
                  <a:lumMod val="50000"/>
                </a:schemeClr>
              </a:solidFill>
              <a:ea typeface="Lato" charset="0"/>
              <a:cs typeface="Lato" charset="0"/>
            </a:endParaRPr>
          </a:p>
        </p:txBody>
      </p:sp>
      <p:sp>
        <p:nvSpPr>
          <p:cNvPr id="14" name="TextBox 17">
            <a:extLst>
              <a:ext uri="{FF2B5EF4-FFF2-40B4-BE49-F238E27FC236}">
                <a16:creationId xmlns:a16="http://schemas.microsoft.com/office/drawing/2014/main" id="{23BB21B8-F219-4559-B469-F35C01BC961E}"/>
              </a:ext>
            </a:extLst>
          </p:cNvPr>
          <p:cNvSpPr txBox="1"/>
          <p:nvPr/>
        </p:nvSpPr>
        <p:spPr>
          <a:xfrm>
            <a:off x="4695745" y="2695330"/>
            <a:ext cx="1837421" cy="276999"/>
          </a:xfrm>
          <a:prstGeom prst="rect">
            <a:avLst/>
          </a:prstGeom>
          <a:noFill/>
        </p:spPr>
        <p:txBody>
          <a:bodyPr wrap="square" rtlCol="0">
            <a:spAutoFit/>
          </a:bodyPr>
          <a:lstStyle/>
          <a:p>
            <a:pPr algn="ctr"/>
            <a:r>
              <a:rPr lang="en-US" sz="1200" b="1">
                <a:solidFill>
                  <a:schemeClr val="tx1">
                    <a:lumMod val="75000"/>
                    <a:lumOff val="25000"/>
                  </a:schemeClr>
                </a:solidFill>
                <a:ea typeface="Lato" charset="0"/>
                <a:cs typeface="Lato" charset="0"/>
              </a:rPr>
              <a:t>Emotion</a:t>
            </a:r>
          </a:p>
        </p:txBody>
      </p:sp>
      <p:sp>
        <p:nvSpPr>
          <p:cNvPr id="15" name="7 CuadroTexto">
            <a:extLst>
              <a:ext uri="{FF2B5EF4-FFF2-40B4-BE49-F238E27FC236}">
                <a16:creationId xmlns:a16="http://schemas.microsoft.com/office/drawing/2014/main" id="{E07F5485-06A1-4113-8CEE-A8FBC9E9B837}"/>
              </a:ext>
            </a:extLst>
          </p:cNvPr>
          <p:cNvSpPr txBox="1"/>
          <p:nvPr/>
        </p:nvSpPr>
        <p:spPr>
          <a:xfrm>
            <a:off x="4695745" y="3115660"/>
            <a:ext cx="1837421" cy="1093313"/>
          </a:xfrm>
          <a:prstGeom prst="rect">
            <a:avLst/>
          </a:prstGeom>
          <a:noFill/>
        </p:spPr>
        <p:txBody>
          <a:bodyPr wrap="square">
            <a:spAutoFit/>
          </a:bodyPr>
          <a:lstStyle/>
          <a:p>
            <a:pPr algn="ctr">
              <a:lnSpc>
                <a:spcPts val="1280"/>
              </a:lnSpc>
              <a:defRPr/>
            </a:pPr>
            <a:endParaRPr lang="en-US" sz="1200">
              <a:solidFill>
                <a:schemeClr val="bg1">
                  <a:lumMod val="50000"/>
                </a:schemeClr>
              </a:solidFill>
              <a:ea typeface="Lato" charset="0"/>
              <a:cs typeface="Lato" charset="0"/>
            </a:endParaRPr>
          </a:p>
          <a:p>
            <a:pPr algn="ctr">
              <a:lnSpc>
                <a:spcPts val="1280"/>
              </a:lnSpc>
              <a:defRPr/>
            </a:pPr>
            <a:r>
              <a:rPr lang="en-US" sz="1200">
                <a:solidFill>
                  <a:schemeClr val="bg1">
                    <a:lumMod val="50000"/>
                  </a:schemeClr>
                </a:solidFill>
                <a:ea typeface="Lato" charset="0"/>
                <a:cs typeface="Lato" charset="0"/>
              </a:rPr>
              <a:t>Activating and engaging our community through inspiring events &amp; communication.</a:t>
            </a:r>
          </a:p>
          <a:p>
            <a:pPr algn="ctr">
              <a:lnSpc>
                <a:spcPts val="1280"/>
              </a:lnSpc>
              <a:defRPr/>
            </a:pPr>
            <a:endParaRPr lang="en-US" sz="1200">
              <a:solidFill>
                <a:schemeClr val="bg1">
                  <a:lumMod val="50000"/>
                </a:schemeClr>
              </a:solidFill>
              <a:ea typeface="Lato" charset="0"/>
              <a:cs typeface="Lato" charset="0"/>
            </a:endParaRPr>
          </a:p>
        </p:txBody>
      </p:sp>
      <p:sp>
        <p:nvSpPr>
          <p:cNvPr id="16" name="TextBox 19">
            <a:extLst>
              <a:ext uri="{FF2B5EF4-FFF2-40B4-BE49-F238E27FC236}">
                <a16:creationId xmlns:a16="http://schemas.microsoft.com/office/drawing/2014/main" id="{3FCB430C-5A36-4F76-939F-9AA34A388DD5}"/>
              </a:ext>
            </a:extLst>
          </p:cNvPr>
          <p:cNvSpPr txBox="1"/>
          <p:nvPr/>
        </p:nvSpPr>
        <p:spPr>
          <a:xfrm>
            <a:off x="6785292" y="2707331"/>
            <a:ext cx="1837421" cy="276999"/>
          </a:xfrm>
          <a:prstGeom prst="rect">
            <a:avLst/>
          </a:prstGeom>
          <a:noFill/>
        </p:spPr>
        <p:txBody>
          <a:bodyPr wrap="square" rtlCol="0">
            <a:spAutoFit/>
          </a:bodyPr>
          <a:lstStyle/>
          <a:p>
            <a:pPr algn="ctr"/>
            <a:r>
              <a:rPr lang="en-US" sz="1200" b="1">
                <a:solidFill>
                  <a:schemeClr val="tx1">
                    <a:lumMod val="75000"/>
                    <a:lumOff val="25000"/>
                  </a:schemeClr>
                </a:solidFill>
                <a:ea typeface="Lato" charset="0"/>
                <a:cs typeface="Lato" charset="0"/>
              </a:rPr>
              <a:t>Giving</a:t>
            </a:r>
          </a:p>
        </p:txBody>
      </p:sp>
      <p:sp>
        <p:nvSpPr>
          <p:cNvPr id="17" name="7 CuadroTexto">
            <a:extLst>
              <a:ext uri="{FF2B5EF4-FFF2-40B4-BE49-F238E27FC236}">
                <a16:creationId xmlns:a16="http://schemas.microsoft.com/office/drawing/2014/main" id="{7A0E0B52-F160-452D-BDE1-6B0AAAE4CB27}"/>
              </a:ext>
            </a:extLst>
          </p:cNvPr>
          <p:cNvSpPr txBox="1"/>
          <p:nvPr/>
        </p:nvSpPr>
        <p:spPr>
          <a:xfrm>
            <a:off x="6785292" y="3127661"/>
            <a:ext cx="1837421" cy="1093313"/>
          </a:xfrm>
          <a:prstGeom prst="rect">
            <a:avLst/>
          </a:prstGeom>
          <a:noFill/>
        </p:spPr>
        <p:txBody>
          <a:bodyPr wrap="square">
            <a:spAutoFit/>
          </a:bodyPr>
          <a:lstStyle/>
          <a:p>
            <a:pPr algn="ctr">
              <a:lnSpc>
                <a:spcPts val="1280"/>
              </a:lnSpc>
              <a:defRPr/>
            </a:pPr>
            <a:endParaRPr lang="en-US" sz="1200">
              <a:solidFill>
                <a:schemeClr val="bg1">
                  <a:lumMod val="50000"/>
                </a:schemeClr>
              </a:solidFill>
              <a:ea typeface="Lato" charset="0"/>
              <a:cs typeface="Lato" charset="0"/>
            </a:endParaRPr>
          </a:p>
          <a:p>
            <a:pPr algn="ctr">
              <a:lnSpc>
                <a:spcPts val="1280"/>
              </a:lnSpc>
              <a:defRPr/>
            </a:pPr>
            <a:r>
              <a:rPr lang="en-US" sz="1200">
                <a:solidFill>
                  <a:schemeClr val="bg1">
                    <a:lumMod val="50000"/>
                  </a:schemeClr>
                </a:solidFill>
                <a:ea typeface="Lato" charset="0"/>
                <a:cs typeface="Lato" charset="0"/>
              </a:rPr>
              <a:t>Establishing a giving-back-culture through shared donation campaigns with the HSG foundation. </a:t>
            </a:r>
          </a:p>
          <a:p>
            <a:pPr algn="ctr">
              <a:lnSpc>
                <a:spcPts val="1280"/>
              </a:lnSpc>
              <a:defRPr/>
            </a:pPr>
            <a:endParaRPr lang="en-US" sz="1200">
              <a:solidFill>
                <a:schemeClr val="bg1">
                  <a:lumMod val="50000"/>
                </a:schemeClr>
              </a:solidFill>
              <a:ea typeface="Lato" charset="0"/>
              <a:cs typeface="Lato" charset="0"/>
            </a:endParaRPr>
          </a:p>
        </p:txBody>
      </p:sp>
      <p:pic>
        <p:nvPicPr>
          <p:cNvPr id="18" name="Grafik 17" descr="Ein Bild, das Licht enthält.&#10;&#10;Automatisch generierte Beschreibung">
            <a:extLst>
              <a:ext uri="{FF2B5EF4-FFF2-40B4-BE49-F238E27FC236}">
                <a16:creationId xmlns:a16="http://schemas.microsoft.com/office/drawing/2014/main" id="{4EC01F9B-00FD-42C8-8851-4D3BCD521DF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94812" y="2029384"/>
            <a:ext cx="620239" cy="620239"/>
          </a:xfrm>
          <a:prstGeom prst="rect">
            <a:avLst/>
          </a:prstGeom>
        </p:spPr>
      </p:pic>
      <p:pic>
        <p:nvPicPr>
          <p:cNvPr id="19" name="Grafik 18">
            <a:extLst>
              <a:ext uri="{FF2B5EF4-FFF2-40B4-BE49-F238E27FC236}">
                <a16:creationId xmlns:a16="http://schemas.microsoft.com/office/drawing/2014/main" id="{F3D50762-2137-45B5-A3D5-122C7491E3DA}"/>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214957" y="1940005"/>
            <a:ext cx="798995" cy="798995"/>
          </a:xfrm>
          <a:prstGeom prst="rect">
            <a:avLst/>
          </a:prstGeom>
        </p:spPr>
      </p:pic>
      <p:pic>
        <p:nvPicPr>
          <p:cNvPr id="20" name="Grafik 19">
            <a:extLst>
              <a:ext uri="{FF2B5EF4-FFF2-40B4-BE49-F238E27FC236}">
                <a16:creationId xmlns:a16="http://schemas.microsoft.com/office/drawing/2014/main" id="{D3D4417E-A3DF-4854-8035-9264110CFAE1}"/>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336882" y="1989430"/>
            <a:ext cx="734240" cy="734240"/>
          </a:xfrm>
          <a:prstGeom prst="rect">
            <a:avLst/>
          </a:prstGeom>
        </p:spPr>
      </p:pic>
      <p:pic>
        <p:nvPicPr>
          <p:cNvPr id="21" name="Grafik 20" descr="Ein Bild, das Text, Schiefertafel, Licht enthält.&#10;&#10;Automatisch generierte Beschreibung">
            <a:extLst>
              <a:ext uri="{FF2B5EF4-FFF2-40B4-BE49-F238E27FC236}">
                <a16:creationId xmlns:a16="http://schemas.microsoft.com/office/drawing/2014/main" id="{3C2E6745-5FE2-4CEF-95D2-53B330830320}"/>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091611" y="1934749"/>
            <a:ext cx="802187" cy="802187"/>
          </a:xfrm>
          <a:prstGeom prst="rect">
            <a:avLst/>
          </a:prstGeom>
        </p:spPr>
      </p:pic>
    </p:spTree>
    <p:extLst>
      <p:ext uri="{BB962C8B-B14F-4D97-AF65-F5344CB8AC3E}">
        <p14:creationId xmlns:p14="http://schemas.microsoft.com/office/powerpoint/2010/main" val="39951099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dplatzhalter 10" descr="Ein Bild, das Text, Mann, Person, stehend enthält.&#10;&#10;Automatisch generierte Beschreibung">
            <a:extLst>
              <a:ext uri="{FF2B5EF4-FFF2-40B4-BE49-F238E27FC236}">
                <a16:creationId xmlns:a16="http://schemas.microsoft.com/office/drawing/2014/main" id="{81961D44-3D10-4F82-9BCC-844393E12201}"/>
              </a:ext>
            </a:extLst>
          </p:cNvPr>
          <p:cNvPicPr>
            <a:picLocks noGrp="1" noChangeAspect="1"/>
          </p:cNvPicPr>
          <p:nvPr>
            <p:ph type="pic" sz="quarter" idx="10"/>
          </p:nvPr>
        </p:nvPicPr>
        <p:blipFill>
          <a:blip r:embed="rId2">
            <a:extLst>
              <a:ext uri="{28A0092B-C50C-407E-A947-70E740481C1C}">
                <a14:useLocalDpi xmlns:a14="http://schemas.microsoft.com/office/drawing/2010/main" val="0"/>
              </a:ext>
            </a:extLst>
          </a:blip>
          <a:srcRect l="12881" r="12881"/>
          <a:stretch>
            <a:fillRect/>
          </a:stretch>
        </p:blipFill>
        <p:spPr>
          <a:xfrm>
            <a:off x="-68262" y="-47625"/>
            <a:ext cx="2260600" cy="2028825"/>
          </a:xfrm>
        </p:spPr>
      </p:pic>
      <p:pic>
        <p:nvPicPr>
          <p:cNvPr id="4" name="Bildplatzhalter 12">
            <a:extLst>
              <a:ext uri="{FF2B5EF4-FFF2-40B4-BE49-F238E27FC236}">
                <a16:creationId xmlns:a16="http://schemas.microsoft.com/office/drawing/2014/main" id="{4F695802-8D65-4C0F-8388-1973E3FDFB49}"/>
              </a:ext>
            </a:extLst>
          </p:cNvPr>
          <p:cNvPicPr>
            <a:picLocks noChangeAspect="1"/>
          </p:cNvPicPr>
          <p:nvPr/>
        </p:nvPicPr>
        <p:blipFill>
          <a:blip r:embed="rId3">
            <a:extLst>
              <a:ext uri="{28A0092B-C50C-407E-A947-70E740481C1C}">
                <a14:useLocalDpi xmlns:a14="http://schemas.microsoft.com/office/drawing/2010/main" val="0"/>
              </a:ext>
            </a:extLst>
          </a:blip>
          <a:srcRect l="12868" r="12868"/>
          <a:stretch/>
        </p:blipFill>
        <p:spPr>
          <a:xfrm>
            <a:off x="2257425" y="-47625"/>
            <a:ext cx="2260600" cy="2028825"/>
          </a:xfrm>
          <a:prstGeom prst="rect">
            <a:avLst/>
          </a:prstGeom>
        </p:spPr>
      </p:pic>
      <p:pic>
        <p:nvPicPr>
          <p:cNvPr id="5" name="Bildplatzhalter 18" descr="Ein Bild, das Person, drinnen, Raum enthält.&#10;&#10;Automatisch generierte Beschreibung">
            <a:extLst>
              <a:ext uri="{FF2B5EF4-FFF2-40B4-BE49-F238E27FC236}">
                <a16:creationId xmlns:a16="http://schemas.microsoft.com/office/drawing/2014/main" id="{6C5504AC-EE11-43F5-9AC5-35AE503F3801}"/>
              </a:ext>
            </a:extLst>
          </p:cNvPr>
          <p:cNvPicPr>
            <a:picLocks noChangeAspect="1"/>
          </p:cNvPicPr>
          <p:nvPr/>
        </p:nvPicPr>
        <p:blipFill>
          <a:blip r:embed="rId4">
            <a:extLst>
              <a:ext uri="{28A0092B-C50C-407E-A947-70E740481C1C}">
                <a14:useLocalDpi xmlns:a14="http://schemas.microsoft.com/office/drawing/2010/main" val="0"/>
              </a:ext>
            </a:extLst>
          </a:blip>
          <a:srcRect l="13043" r="13043"/>
          <a:stretch>
            <a:fillRect/>
          </a:stretch>
        </p:blipFill>
        <p:spPr>
          <a:xfrm>
            <a:off x="4584700" y="-47625"/>
            <a:ext cx="2260600" cy="2028825"/>
          </a:xfrm>
          <a:prstGeom prst="rect">
            <a:avLst/>
          </a:prstGeom>
        </p:spPr>
      </p:pic>
      <p:pic>
        <p:nvPicPr>
          <p:cNvPr id="6" name="Bildplatzhalter 14" descr="Ein Bild, das Gras, draußen, Baum, Person enthält.&#10;&#10;Automatisch generierte Beschreibung">
            <a:extLst>
              <a:ext uri="{FF2B5EF4-FFF2-40B4-BE49-F238E27FC236}">
                <a16:creationId xmlns:a16="http://schemas.microsoft.com/office/drawing/2014/main" id="{34EFD45B-AED3-4814-A683-7848E9B7B770}"/>
              </a:ext>
            </a:extLst>
          </p:cNvPr>
          <p:cNvPicPr>
            <a:picLocks noChangeAspect="1"/>
          </p:cNvPicPr>
          <p:nvPr/>
        </p:nvPicPr>
        <p:blipFill>
          <a:blip r:embed="rId5">
            <a:extLst>
              <a:ext uri="{28A0092B-C50C-407E-A947-70E740481C1C}">
                <a14:useLocalDpi xmlns:a14="http://schemas.microsoft.com/office/drawing/2010/main" val="0"/>
              </a:ext>
            </a:extLst>
          </a:blip>
          <a:srcRect l="12989" r="12989"/>
          <a:stretch>
            <a:fillRect/>
          </a:stretch>
        </p:blipFill>
        <p:spPr>
          <a:xfrm>
            <a:off x="6910388" y="-47625"/>
            <a:ext cx="2260600" cy="2028825"/>
          </a:xfrm>
          <a:prstGeom prst="rect">
            <a:avLst/>
          </a:prstGeom>
        </p:spPr>
      </p:pic>
      <p:pic>
        <p:nvPicPr>
          <p:cNvPr id="7" name="Bildplatzhalter 16" descr="Ein Bild, das Text, Person, darstellend, Gruppe enthält.&#10;&#10;Automatisch generierte Beschreibung">
            <a:extLst>
              <a:ext uri="{FF2B5EF4-FFF2-40B4-BE49-F238E27FC236}">
                <a16:creationId xmlns:a16="http://schemas.microsoft.com/office/drawing/2014/main" id="{83324D08-1751-417B-9515-3305F4BA814E}"/>
              </a:ext>
            </a:extLst>
          </p:cNvPr>
          <p:cNvPicPr>
            <a:picLocks noChangeAspect="1"/>
          </p:cNvPicPr>
          <p:nvPr/>
        </p:nvPicPr>
        <p:blipFill>
          <a:blip r:embed="rId6">
            <a:extLst>
              <a:ext uri="{28A0092B-C50C-407E-A947-70E740481C1C}">
                <a14:useLocalDpi xmlns:a14="http://schemas.microsoft.com/office/drawing/2010/main" val="0"/>
              </a:ext>
            </a:extLst>
          </a:blip>
          <a:srcRect l="12969" r="12969"/>
          <a:stretch>
            <a:fillRect/>
          </a:stretch>
        </p:blipFill>
        <p:spPr>
          <a:xfrm>
            <a:off x="-68262" y="2046288"/>
            <a:ext cx="3656013" cy="3282950"/>
          </a:xfrm>
          <a:prstGeom prst="rect">
            <a:avLst/>
          </a:prstGeom>
        </p:spPr>
      </p:pic>
      <p:pic>
        <p:nvPicPr>
          <p:cNvPr id="8" name="Bildplatzhalter 20" descr="Ein Bild, das Person enthält.&#10;&#10;Automatisch generierte Beschreibung">
            <a:extLst>
              <a:ext uri="{FF2B5EF4-FFF2-40B4-BE49-F238E27FC236}">
                <a16:creationId xmlns:a16="http://schemas.microsoft.com/office/drawing/2014/main" id="{5CE0905F-0C00-4FFE-9FEA-527FB84C94BE}"/>
              </a:ext>
            </a:extLst>
          </p:cNvPr>
          <p:cNvPicPr>
            <a:picLocks noChangeAspect="1"/>
          </p:cNvPicPr>
          <p:nvPr/>
        </p:nvPicPr>
        <p:blipFill>
          <a:blip r:embed="rId7">
            <a:extLst>
              <a:ext uri="{28A0092B-C50C-407E-A947-70E740481C1C}">
                <a14:useLocalDpi xmlns:a14="http://schemas.microsoft.com/office/drawing/2010/main" val="0"/>
              </a:ext>
            </a:extLst>
          </a:blip>
          <a:srcRect l="12962" r="12962"/>
          <a:stretch>
            <a:fillRect/>
          </a:stretch>
        </p:blipFill>
        <p:spPr>
          <a:xfrm>
            <a:off x="3654425" y="2046288"/>
            <a:ext cx="3656013" cy="3282950"/>
          </a:xfrm>
          <a:prstGeom prst="rect">
            <a:avLst/>
          </a:prstGeom>
        </p:spPr>
      </p:pic>
      <p:pic>
        <p:nvPicPr>
          <p:cNvPr id="9" name="Bildplatzhalter 24" descr="Ein Bild, das Text, Person, Gruppe, darstellend enthält.&#10;&#10;Automatisch generierte Beschreibung">
            <a:extLst>
              <a:ext uri="{FF2B5EF4-FFF2-40B4-BE49-F238E27FC236}">
                <a16:creationId xmlns:a16="http://schemas.microsoft.com/office/drawing/2014/main" id="{439FD699-85AB-4FBC-AFBC-0459FF546232}"/>
              </a:ext>
            </a:extLst>
          </p:cNvPr>
          <p:cNvPicPr>
            <a:picLocks noChangeAspect="1"/>
          </p:cNvPicPr>
          <p:nvPr/>
        </p:nvPicPr>
        <p:blipFill>
          <a:blip r:embed="rId8">
            <a:extLst>
              <a:ext uri="{28A0092B-C50C-407E-A947-70E740481C1C}">
                <a14:useLocalDpi xmlns:a14="http://schemas.microsoft.com/office/drawing/2010/main" val="0"/>
              </a:ext>
            </a:extLst>
          </a:blip>
          <a:srcRect l="12908" r="12908"/>
          <a:stretch>
            <a:fillRect/>
          </a:stretch>
        </p:blipFill>
        <p:spPr>
          <a:xfrm>
            <a:off x="7375525" y="2046288"/>
            <a:ext cx="1795463" cy="1609725"/>
          </a:xfrm>
          <a:prstGeom prst="rect">
            <a:avLst/>
          </a:prstGeom>
        </p:spPr>
      </p:pic>
      <p:pic>
        <p:nvPicPr>
          <p:cNvPr id="10" name="Bildplatzhalter 22">
            <a:extLst>
              <a:ext uri="{FF2B5EF4-FFF2-40B4-BE49-F238E27FC236}">
                <a16:creationId xmlns:a16="http://schemas.microsoft.com/office/drawing/2014/main" id="{67020111-4875-4FBE-B39B-900AEB247889}"/>
              </a:ext>
            </a:extLst>
          </p:cNvPr>
          <p:cNvPicPr>
            <a:picLocks noChangeAspect="1"/>
          </p:cNvPicPr>
          <p:nvPr/>
        </p:nvPicPr>
        <p:blipFill>
          <a:blip r:embed="rId9">
            <a:extLst>
              <a:ext uri="{28A0092B-C50C-407E-A947-70E740481C1C}">
                <a14:useLocalDpi xmlns:a14="http://schemas.microsoft.com/office/drawing/2010/main" val="0"/>
              </a:ext>
            </a:extLst>
          </a:blip>
          <a:srcRect l="8173" r="8173"/>
          <a:stretch/>
        </p:blipFill>
        <p:spPr>
          <a:xfrm>
            <a:off x="7375525" y="3721100"/>
            <a:ext cx="1795463" cy="1609725"/>
          </a:xfrm>
          <a:prstGeom prst="rect">
            <a:avLst/>
          </a:prstGeom>
        </p:spPr>
      </p:pic>
      <p:sp>
        <p:nvSpPr>
          <p:cNvPr id="11" name="Rechteck 14">
            <a:extLst>
              <a:ext uri="{FF2B5EF4-FFF2-40B4-BE49-F238E27FC236}">
                <a16:creationId xmlns:a16="http://schemas.microsoft.com/office/drawing/2014/main" id="{44E0C8E5-96F3-66EE-FF80-711DAC9BB41B}"/>
              </a:ext>
            </a:extLst>
          </p:cNvPr>
          <p:cNvSpPr/>
          <p:nvPr/>
        </p:nvSpPr>
        <p:spPr>
          <a:xfrm>
            <a:off x="2893778" y="1776177"/>
            <a:ext cx="3321050" cy="685800"/>
          </a:xfrm>
          <a:prstGeom prst="rect">
            <a:avLst/>
          </a:prstGeom>
          <a:solidFill>
            <a:schemeClr val="tx2"/>
          </a:solidFill>
          <a:ln>
            <a:solidFill>
              <a:schemeClr val="bg2"/>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de-DE" b="1" err="1"/>
              <a:t>We</a:t>
            </a:r>
            <a:r>
              <a:rPr lang="de-DE" b="1"/>
              <a:t> </a:t>
            </a:r>
            <a:r>
              <a:rPr lang="de-DE" b="1" err="1"/>
              <a:t>are</a:t>
            </a:r>
            <a:r>
              <a:rPr lang="de-DE" b="1"/>
              <a:t> HSG Alumni</a:t>
            </a:r>
            <a:r>
              <a:rPr lang="de-DE"/>
              <a:t> </a:t>
            </a:r>
            <a:br>
              <a:rPr lang="de-DE"/>
            </a:br>
            <a:r>
              <a:rPr lang="de-DE"/>
              <a:t>350 events </a:t>
            </a:r>
            <a:r>
              <a:rPr lang="de-DE" err="1"/>
              <a:t>each</a:t>
            </a:r>
            <a:r>
              <a:rPr lang="de-DE"/>
              <a:t> </a:t>
            </a:r>
            <a:r>
              <a:rPr lang="de-DE" err="1"/>
              <a:t>year</a:t>
            </a:r>
            <a:endParaRPr lang="de-CH"/>
          </a:p>
        </p:txBody>
      </p:sp>
    </p:spTree>
    <p:extLst>
      <p:ext uri="{BB962C8B-B14F-4D97-AF65-F5344CB8AC3E}">
        <p14:creationId xmlns:p14="http://schemas.microsoft.com/office/powerpoint/2010/main" val="183992894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2A632D8-CAC6-3E0F-2497-796F3CEE1449}"/>
              </a:ext>
            </a:extLst>
          </p:cNvPr>
          <p:cNvSpPr>
            <a:spLocks noGrp="1"/>
          </p:cNvSpPr>
          <p:nvPr>
            <p:ph type="title"/>
          </p:nvPr>
        </p:nvSpPr>
        <p:spPr/>
        <p:txBody>
          <a:bodyPr/>
          <a:lstStyle/>
          <a:p>
            <a:r>
              <a:rPr lang="de-DE" dirty="0"/>
              <a:t>Information </a:t>
            </a:r>
            <a:r>
              <a:rPr lang="de-DE" dirty="0" err="1"/>
              <a:t>about</a:t>
            </a:r>
            <a:r>
              <a:rPr lang="de-DE" dirty="0"/>
              <a:t> </a:t>
            </a:r>
            <a:r>
              <a:rPr lang="de-DE" dirty="0" err="1"/>
              <a:t>the</a:t>
            </a:r>
            <a:r>
              <a:rPr lang="de-DE" dirty="0"/>
              <a:t> Club</a:t>
            </a:r>
            <a:endParaRPr lang="de-CH" dirty="0"/>
          </a:p>
        </p:txBody>
      </p:sp>
      <p:sp>
        <p:nvSpPr>
          <p:cNvPr id="3" name="Inhaltsplatzhalter 2">
            <a:extLst>
              <a:ext uri="{FF2B5EF4-FFF2-40B4-BE49-F238E27FC236}">
                <a16:creationId xmlns:a16="http://schemas.microsoft.com/office/drawing/2014/main" id="{46ED9B41-5C6A-2BBD-D617-E2AF89EC0839}"/>
              </a:ext>
            </a:extLst>
          </p:cNvPr>
          <p:cNvSpPr>
            <a:spLocks noGrp="1"/>
          </p:cNvSpPr>
          <p:nvPr>
            <p:ph idx="1"/>
          </p:nvPr>
        </p:nvSpPr>
        <p:spPr/>
        <p:txBody>
          <a:bodyPr/>
          <a:lstStyle/>
          <a:p>
            <a:r>
              <a:rPr lang="de-DE" dirty="0"/>
              <a:t>Members</a:t>
            </a:r>
          </a:p>
          <a:p>
            <a:r>
              <a:rPr lang="de-DE" dirty="0" err="1"/>
              <a:t>Activities</a:t>
            </a:r>
            <a:endParaRPr lang="de-CH" dirty="0"/>
          </a:p>
        </p:txBody>
      </p:sp>
      <p:sp>
        <p:nvSpPr>
          <p:cNvPr id="4" name="Foliennummernplatzhalter 3">
            <a:extLst>
              <a:ext uri="{FF2B5EF4-FFF2-40B4-BE49-F238E27FC236}">
                <a16:creationId xmlns:a16="http://schemas.microsoft.com/office/drawing/2014/main" id="{CD347E4C-5AE7-8FDB-AFD2-19536E13D90D}"/>
              </a:ext>
            </a:extLst>
          </p:cNvPr>
          <p:cNvSpPr>
            <a:spLocks noGrp="1"/>
          </p:cNvSpPr>
          <p:nvPr>
            <p:ph type="sldNum" sz="quarter" idx="12"/>
          </p:nvPr>
        </p:nvSpPr>
        <p:spPr/>
        <p:txBody>
          <a:bodyPr/>
          <a:lstStyle/>
          <a:p>
            <a:fld id="{7559FC98-AF75-4A00-A03C-DF9FEBF6BCB9}" type="slidenum">
              <a:rPr lang="de-CH" smtClean="0"/>
              <a:pPr/>
              <a:t>5</a:t>
            </a:fld>
            <a:endParaRPr lang="de-CH"/>
          </a:p>
        </p:txBody>
      </p:sp>
    </p:spTree>
    <p:extLst>
      <p:ext uri="{BB962C8B-B14F-4D97-AF65-F5344CB8AC3E}">
        <p14:creationId xmlns:p14="http://schemas.microsoft.com/office/powerpoint/2010/main" val="36653465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7FB58A7-0F5D-56E6-6780-AC243FF7D0EC}"/>
              </a:ext>
            </a:extLst>
          </p:cNvPr>
          <p:cNvSpPr>
            <a:spLocks noGrp="1"/>
          </p:cNvSpPr>
          <p:nvPr>
            <p:ph type="title"/>
          </p:nvPr>
        </p:nvSpPr>
        <p:spPr/>
        <p:txBody>
          <a:bodyPr/>
          <a:lstStyle/>
          <a:p>
            <a:r>
              <a:rPr lang="de-DE" dirty="0"/>
              <a:t>Information </a:t>
            </a:r>
            <a:r>
              <a:rPr lang="de-DE" dirty="0" err="1"/>
              <a:t>about</a:t>
            </a:r>
            <a:r>
              <a:rPr lang="de-DE" dirty="0"/>
              <a:t> </a:t>
            </a:r>
            <a:r>
              <a:rPr lang="de-DE" dirty="0" err="1"/>
              <a:t>the</a:t>
            </a:r>
            <a:r>
              <a:rPr lang="de-DE" dirty="0"/>
              <a:t> </a:t>
            </a:r>
            <a:r>
              <a:rPr lang="de-DE" dirty="0" err="1"/>
              <a:t>Activity</a:t>
            </a:r>
            <a:r>
              <a:rPr lang="de-DE" dirty="0"/>
              <a:t>/Event</a:t>
            </a:r>
            <a:endParaRPr lang="de-CH" dirty="0"/>
          </a:p>
        </p:txBody>
      </p:sp>
      <p:sp>
        <p:nvSpPr>
          <p:cNvPr id="3" name="Inhaltsplatzhalter 2">
            <a:extLst>
              <a:ext uri="{FF2B5EF4-FFF2-40B4-BE49-F238E27FC236}">
                <a16:creationId xmlns:a16="http://schemas.microsoft.com/office/drawing/2014/main" id="{87E87754-8FA5-D483-B1C9-AA88F57539B6}"/>
              </a:ext>
            </a:extLst>
          </p:cNvPr>
          <p:cNvSpPr>
            <a:spLocks noGrp="1"/>
          </p:cNvSpPr>
          <p:nvPr>
            <p:ph idx="1"/>
          </p:nvPr>
        </p:nvSpPr>
        <p:spPr/>
        <p:txBody>
          <a:bodyPr/>
          <a:lstStyle/>
          <a:p>
            <a:pPr marL="285750" indent="-285750">
              <a:buFont typeface="Arial" panose="020B0604020202020204" pitchFamily="34" charset="0"/>
              <a:buChar char="•"/>
            </a:pPr>
            <a:r>
              <a:rPr lang="de-DE" dirty="0" err="1"/>
              <a:t>Where</a:t>
            </a:r>
            <a:endParaRPr lang="de-DE" dirty="0"/>
          </a:p>
          <a:p>
            <a:pPr marL="285750" indent="-285750">
              <a:buFont typeface="Arial" panose="020B0604020202020204" pitchFamily="34" charset="0"/>
              <a:buChar char="•"/>
            </a:pPr>
            <a:r>
              <a:rPr lang="de-DE" dirty="0" err="1"/>
              <a:t>When</a:t>
            </a:r>
            <a:r>
              <a:rPr lang="de-DE" dirty="0"/>
              <a:t> (Date, Schedule of </a:t>
            </a:r>
            <a:r>
              <a:rPr lang="de-DE" dirty="0" err="1"/>
              <a:t>the</a:t>
            </a:r>
            <a:r>
              <a:rPr lang="de-DE" dirty="0"/>
              <a:t> Event)</a:t>
            </a:r>
          </a:p>
          <a:p>
            <a:pPr marL="285750" indent="-285750">
              <a:buFont typeface="Arial" panose="020B0604020202020204" pitchFamily="34" charset="0"/>
              <a:buChar char="•"/>
            </a:pPr>
            <a:r>
              <a:rPr lang="de-DE" dirty="0"/>
              <a:t>Who (</a:t>
            </a:r>
            <a:r>
              <a:rPr lang="de-DE" dirty="0" err="1"/>
              <a:t>Participants</a:t>
            </a:r>
            <a:r>
              <a:rPr lang="de-DE" dirty="0"/>
              <a:t>, Speakers, organisational </a:t>
            </a:r>
            <a:r>
              <a:rPr lang="de-DE" dirty="0" err="1"/>
              <a:t>committee</a:t>
            </a:r>
            <a:r>
              <a:rPr lang="de-DE" dirty="0"/>
              <a:t>)</a:t>
            </a:r>
          </a:p>
          <a:p>
            <a:pPr marL="285750" indent="-285750">
              <a:buFont typeface="Arial" panose="020B0604020202020204" pitchFamily="34" charset="0"/>
              <a:buChar char="•"/>
            </a:pPr>
            <a:r>
              <a:rPr lang="de-DE" dirty="0" err="1"/>
              <a:t>What</a:t>
            </a:r>
            <a:r>
              <a:rPr lang="de-DE" dirty="0"/>
              <a:t> (Topic)</a:t>
            </a:r>
          </a:p>
          <a:p>
            <a:pPr marL="285750" indent="-285750">
              <a:buFont typeface="Arial" panose="020B0604020202020204" pitchFamily="34" charset="0"/>
              <a:buChar char="•"/>
            </a:pPr>
            <a:r>
              <a:rPr lang="de-DE" dirty="0" err="1"/>
              <a:t>Why</a:t>
            </a:r>
            <a:endParaRPr lang="de-DE" dirty="0"/>
          </a:p>
        </p:txBody>
      </p:sp>
      <p:sp>
        <p:nvSpPr>
          <p:cNvPr id="4" name="Foliennummernplatzhalter 3">
            <a:extLst>
              <a:ext uri="{FF2B5EF4-FFF2-40B4-BE49-F238E27FC236}">
                <a16:creationId xmlns:a16="http://schemas.microsoft.com/office/drawing/2014/main" id="{1943337B-6F1F-5E64-5AD8-FA9BBECB6ECE}"/>
              </a:ext>
            </a:extLst>
          </p:cNvPr>
          <p:cNvSpPr>
            <a:spLocks noGrp="1"/>
          </p:cNvSpPr>
          <p:nvPr>
            <p:ph type="sldNum" sz="quarter" idx="12"/>
          </p:nvPr>
        </p:nvSpPr>
        <p:spPr/>
        <p:txBody>
          <a:bodyPr/>
          <a:lstStyle/>
          <a:p>
            <a:fld id="{7559FC98-AF75-4A00-A03C-DF9FEBF6BCB9}" type="slidenum">
              <a:rPr lang="de-CH" smtClean="0"/>
              <a:pPr/>
              <a:t>6</a:t>
            </a:fld>
            <a:endParaRPr lang="de-CH"/>
          </a:p>
        </p:txBody>
      </p:sp>
    </p:spTree>
    <p:extLst>
      <p:ext uri="{BB962C8B-B14F-4D97-AF65-F5344CB8AC3E}">
        <p14:creationId xmlns:p14="http://schemas.microsoft.com/office/powerpoint/2010/main" val="221704990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BD629F4-97D7-25E9-59DE-20A509875165}"/>
              </a:ext>
            </a:extLst>
          </p:cNvPr>
          <p:cNvSpPr>
            <a:spLocks noGrp="1"/>
          </p:cNvSpPr>
          <p:nvPr>
            <p:ph type="title"/>
          </p:nvPr>
        </p:nvSpPr>
        <p:spPr/>
        <p:txBody>
          <a:bodyPr/>
          <a:lstStyle/>
          <a:p>
            <a:r>
              <a:rPr lang="de-DE" dirty="0" err="1"/>
              <a:t>Mood</a:t>
            </a:r>
            <a:r>
              <a:rPr lang="de-DE" dirty="0"/>
              <a:t> </a:t>
            </a:r>
            <a:r>
              <a:rPr lang="de-DE" dirty="0" err="1"/>
              <a:t>pictures</a:t>
            </a:r>
            <a:r>
              <a:rPr lang="de-DE" dirty="0"/>
              <a:t> </a:t>
            </a:r>
            <a:r>
              <a:rPr lang="de-DE" dirty="0" err="1"/>
              <a:t>from</a:t>
            </a:r>
            <a:r>
              <a:rPr lang="de-DE" dirty="0"/>
              <a:t> </a:t>
            </a:r>
            <a:r>
              <a:rPr lang="de-DE" dirty="0" err="1"/>
              <a:t>previous</a:t>
            </a:r>
            <a:r>
              <a:rPr lang="de-DE" dirty="0"/>
              <a:t> events</a:t>
            </a:r>
            <a:endParaRPr lang="de-CH" dirty="0"/>
          </a:p>
        </p:txBody>
      </p:sp>
      <p:sp>
        <p:nvSpPr>
          <p:cNvPr id="3" name="Inhaltsplatzhalter 2">
            <a:extLst>
              <a:ext uri="{FF2B5EF4-FFF2-40B4-BE49-F238E27FC236}">
                <a16:creationId xmlns:a16="http://schemas.microsoft.com/office/drawing/2014/main" id="{5DEDF9D5-891E-4023-0D24-2C8AA965A8C5}"/>
              </a:ext>
            </a:extLst>
          </p:cNvPr>
          <p:cNvSpPr>
            <a:spLocks noGrp="1"/>
          </p:cNvSpPr>
          <p:nvPr>
            <p:ph idx="1"/>
          </p:nvPr>
        </p:nvSpPr>
        <p:spPr/>
        <p:txBody>
          <a:bodyPr vert="horz" lIns="0" tIns="0" rIns="0" bIns="0" rtlCol="0" anchor="t">
            <a:normAutofit/>
          </a:bodyPr>
          <a:lstStyle/>
          <a:p>
            <a:r>
              <a:rPr lang="de-CH" dirty="0">
                <a:ea typeface="+mn-lt"/>
                <a:cs typeface="+mn-lt"/>
                <a:hlinkClick r:id="rId2"/>
              </a:rPr>
              <a:t>https://www.flickr.com/photos/hsgalumniofficial/albums/</a:t>
            </a:r>
            <a:r>
              <a:rPr lang="de-CH" dirty="0">
                <a:ea typeface="+mn-lt"/>
                <a:cs typeface="+mn-lt"/>
              </a:rPr>
              <a:t> </a:t>
            </a:r>
            <a:endParaRPr lang="de-DE" dirty="0">
              <a:ea typeface="+mn-lt"/>
              <a:cs typeface="+mn-lt"/>
            </a:endParaRPr>
          </a:p>
        </p:txBody>
      </p:sp>
      <p:sp>
        <p:nvSpPr>
          <p:cNvPr id="4" name="Foliennummernplatzhalter 3">
            <a:extLst>
              <a:ext uri="{FF2B5EF4-FFF2-40B4-BE49-F238E27FC236}">
                <a16:creationId xmlns:a16="http://schemas.microsoft.com/office/drawing/2014/main" id="{7C356D67-623E-598E-4FFF-1705538BAD6D}"/>
              </a:ext>
            </a:extLst>
          </p:cNvPr>
          <p:cNvSpPr>
            <a:spLocks noGrp="1"/>
          </p:cNvSpPr>
          <p:nvPr>
            <p:ph type="sldNum" sz="quarter" idx="12"/>
          </p:nvPr>
        </p:nvSpPr>
        <p:spPr/>
        <p:txBody>
          <a:bodyPr/>
          <a:lstStyle/>
          <a:p>
            <a:fld id="{7559FC98-AF75-4A00-A03C-DF9FEBF6BCB9}" type="slidenum">
              <a:rPr lang="de-CH" smtClean="0"/>
              <a:pPr/>
              <a:t>7</a:t>
            </a:fld>
            <a:endParaRPr lang="de-CH"/>
          </a:p>
        </p:txBody>
      </p:sp>
    </p:spTree>
    <p:extLst>
      <p:ext uri="{BB962C8B-B14F-4D97-AF65-F5344CB8AC3E}">
        <p14:creationId xmlns:p14="http://schemas.microsoft.com/office/powerpoint/2010/main" val="140073331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14B0829-DF35-5B6E-54D9-9CA2B098BAEC}"/>
              </a:ext>
            </a:extLst>
          </p:cNvPr>
          <p:cNvSpPr>
            <a:spLocks noGrp="1"/>
          </p:cNvSpPr>
          <p:nvPr>
            <p:ph type="title"/>
          </p:nvPr>
        </p:nvSpPr>
        <p:spPr/>
        <p:txBody>
          <a:bodyPr/>
          <a:lstStyle/>
          <a:p>
            <a:r>
              <a:rPr kumimoji="0" lang="de-DE" sz="1200" b="0" i="0" u="none" strike="noStrike" kern="1200" cap="none" spc="0" normalizeH="0" baseline="0" noProof="0" dirty="0">
                <a:ln>
                  <a:noFill/>
                </a:ln>
                <a:solidFill>
                  <a:prstClr val="black"/>
                </a:solidFill>
                <a:effectLst/>
                <a:uLnTx/>
                <a:uFillTx/>
                <a:latin typeface="Gill Sans Nova"/>
                <a:ea typeface="+mj-ea"/>
                <a:cs typeface="+mj-cs"/>
              </a:rPr>
              <a:t>„Club </a:t>
            </a:r>
            <a:r>
              <a:rPr kumimoji="0" lang="de-DE" sz="1200" b="0" i="0" u="none" strike="noStrike" kern="1200" cap="none" spc="0" normalizeH="0" baseline="0" noProof="0" dirty="0" err="1">
                <a:ln>
                  <a:noFill/>
                </a:ln>
                <a:solidFill>
                  <a:prstClr val="black"/>
                </a:solidFill>
                <a:effectLst/>
                <a:uLnTx/>
                <a:uFillTx/>
                <a:latin typeface="Gill Sans Nova"/>
                <a:ea typeface="+mj-ea"/>
                <a:cs typeface="+mj-cs"/>
              </a:rPr>
              <a:t>name</a:t>
            </a:r>
            <a:r>
              <a:rPr kumimoji="0" lang="de-DE" sz="1200" b="0" i="0" u="none" strike="noStrike" kern="1200" cap="none" spc="0" normalizeH="0" baseline="0" noProof="0" dirty="0">
                <a:ln>
                  <a:noFill/>
                </a:ln>
                <a:solidFill>
                  <a:prstClr val="black"/>
                </a:solidFill>
                <a:effectLst/>
                <a:uLnTx/>
                <a:uFillTx/>
                <a:latin typeface="Gill Sans Nova"/>
                <a:ea typeface="+mj-ea"/>
                <a:cs typeface="+mj-cs"/>
              </a:rPr>
              <a:t>“</a:t>
            </a:r>
            <a:br>
              <a:rPr kumimoji="0" lang="de-DE" sz="1200" b="0" i="0" u="none" strike="noStrike" kern="1200" cap="none" spc="0" normalizeH="0" baseline="0" noProof="0" dirty="0">
                <a:ln>
                  <a:noFill/>
                </a:ln>
                <a:solidFill>
                  <a:prstClr val="black"/>
                </a:solidFill>
                <a:effectLst/>
                <a:uLnTx/>
                <a:uFillTx/>
                <a:latin typeface="Gill Sans Nova"/>
                <a:ea typeface="+mj-ea"/>
                <a:cs typeface="+mj-cs"/>
              </a:rPr>
            </a:br>
            <a:r>
              <a:rPr kumimoji="0" lang="de-DE" sz="2400" b="0" i="0" u="none" strike="noStrike" kern="1200" cap="none" spc="0" normalizeH="0" baseline="0" noProof="0" dirty="0">
                <a:ln>
                  <a:noFill/>
                </a:ln>
                <a:solidFill>
                  <a:prstClr val="black"/>
                </a:solidFill>
                <a:effectLst/>
                <a:uLnTx/>
                <a:uFillTx/>
                <a:latin typeface="Gill Sans Nova"/>
                <a:ea typeface="+mj-ea"/>
                <a:cs typeface="+mj-cs"/>
              </a:rPr>
              <a:t>Sponsoring </a:t>
            </a:r>
            <a:r>
              <a:rPr kumimoji="0" lang="de-DE" sz="2400" b="0" i="0" u="none" strike="noStrike" kern="1200" cap="none" spc="0" normalizeH="0" baseline="0" noProof="0" dirty="0" err="1">
                <a:ln>
                  <a:noFill/>
                </a:ln>
                <a:solidFill>
                  <a:prstClr val="black"/>
                </a:solidFill>
                <a:effectLst/>
                <a:uLnTx/>
                <a:uFillTx/>
                <a:latin typeface="Gill Sans Nova"/>
                <a:ea typeface="+mj-ea"/>
                <a:cs typeface="+mj-cs"/>
              </a:rPr>
              <a:t>packages</a:t>
            </a:r>
            <a:endParaRPr lang="de-CH" dirty="0"/>
          </a:p>
        </p:txBody>
      </p:sp>
      <p:sp>
        <p:nvSpPr>
          <p:cNvPr id="3" name="Inhaltsplatzhalter 2">
            <a:extLst>
              <a:ext uri="{FF2B5EF4-FFF2-40B4-BE49-F238E27FC236}">
                <a16:creationId xmlns:a16="http://schemas.microsoft.com/office/drawing/2014/main" id="{B476F90A-493A-D16C-2700-3F00F9057F72}"/>
              </a:ext>
            </a:extLst>
          </p:cNvPr>
          <p:cNvSpPr>
            <a:spLocks noGrp="1"/>
          </p:cNvSpPr>
          <p:nvPr>
            <p:ph idx="1"/>
          </p:nvPr>
        </p:nvSpPr>
        <p:spPr/>
        <p:txBody>
          <a:bodyPr/>
          <a:lstStyle/>
          <a:p>
            <a:endParaRPr lang="de-CH"/>
          </a:p>
        </p:txBody>
      </p:sp>
      <p:sp>
        <p:nvSpPr>
          <p:cNvPr id="4" name="Foliennummernplatzhalter 3">
            <a:extLst>
              <a:ext uri="{FF2B5EF4-FFF2-40B4-BE49-F238E27FC236}">
                <a16:creationId xmlns:a16="http://schemas.microsoft.com/office/drawing/2014/main" id="{70E76E53-034B-B810-0059-8C5F1E4BE3DC}"/>
              </a:ext>
            </a:extLst>
          </p:cNvPr>
          <p:cNvSpPr>
            <a:spLocks noGrp="1"/>
          </p:cNvSpPr>
          <p:nvPr>
            <p:ph type="sldNum" sz="quarter" idx="12"/>
          </p:nvPr>
        </p:nvSpPr>
        <p:spPr/>
        <p:txBody>
          <a:bodyPr/>
          <a:lstStyle/>
          <a:p>
            <a:fld id="{7559FC98-AF75-4A00-A03C-DF9FEBF6BCB9}" type="slidenum">
              <a:rPr lang="de-CH" smtClean="0"/>
              <a:pPr/>
              <a:t>8</a:t>
            </a:fld>
            <a:endParaRPr lang="de-CH"/>
          </a:p>
        </p:txBody>
      </p:sp>
      <p:graphicFrame>
        <p:nvGraphicFramePr>
          <p:cNvPr id="5" name="Tabelle 5">
            <a:extLst>
              <a:ext uri="{FF2B5EF4-FFF2-40B4-BE49-F238E27FC236}">
                <a16:creationId xmlns:a16="http://schemas.microsoft.com/office/drawing/2014/main" id="{631053DC-8DF6-B498-7BA8-DE8BF76D644A}"/>
              </a:ext>
            </a:extLst>
          </p:cNvPr>
          <p:cNvGraphicFramePr>
            <a:graphicFrameLocks/>
          </p:cNvGraphicFramePr>
          <p:nvPr>
            <p:extLst>
              <p:ext uri="{D42A27DB-BD31-4B8C-83A1-F6EECF244321}">
                <p14:modId xmlns:p14="http://schemas.microsoft.com/office/powerpoint/2010/main" val="2123566718"/>
              </p:ext>
            </p:extLst>
          </p:nvPr>
        </p:nvGraphicFramePr>
        <p:xfrm>
          <a:off x="352876" y="1064830"/>
          <a:ext cx="8128001" cy="3457532"/>
        </p:xfrm>
        <a:graphic>
          <a:graphicData uri="http://schemas.openxmlformats.org/drawingml/2006/table">
            <a:tbl>
              <a:tblPr firstRow="1" bandRow="1">
                <a:tableStyleId>{5940675A-B579-460E-94D1-54222C63F5DA}</a:tableStyleId>
              </a:tblPr>
              <a:tblGrid>
                <a:gridCol w="2563910">
                  <a:extLst>
                    <a:ext uri="{9D8B030D-6E8A-4147-A177-3AD203B41FA5}">
                      <a16:colId xmlns:a16="http://schemas.microsoft.com/office/drawing/2014/main" val="329876252"/>
                    </a:ext>
                  </a:extLst>
                </a:gridCol>
                <a:gridCol w="220566">
                  <a:extLst>
                    <a:ext uri="{9D8B030D-6E8A-4147-A177-3AD203B41FA5}">
                      <a16:colId xmlns:a16="http://schemas.microsoft.com/office/drawing/2014/main" val="3271758484"/>
                    </a:ext>
                  </a:extLst>
                </a:gridCol>
                <a:gridCol w="2552700">
                  <a:extLst>
                    <a:ext uri="{9D8B030D-6E8A-4147-A177-3AD203B41FA5}">
                      <a16:colId xmlns:a16="http://schemas.microsoft.com/office/drawing/2014/main" val="1241704645"/>
                    </a:ext>
                  </a:extLst>
                </a:gridCol>
                <a:gridCol w="209550">
                  <a:extLst>
                    <a:ext uri="{9D8B030D-6E8A-4147-A177-3AD203B41FA5}">
                      <a16:colId xmlns:a16="http://schemas.microsoft.com/office/drawing/2014/main" val="380332232"/>
                    </a:ext>
                  </a:extLst>
                </a:gridCol>
                <a:gridCol w="2581275">
                  <a:extLst>
                    <a:ext uri="{9D8B030D-6E8A-4147-A177-3AD203B41FA5}">
                      <a16:colId xmlns:a16="http://schemas.microsoft.com/office/drawing/2014/main" val="2925561449"/>
                    </a:ext>
                  </a:extLst>
                </a:gridCol>
              </a:tblGrid>
              <a:tr h="577586">
                <a:tc>
                  <a:txBody>
                    <a:bodyPr/>
                    <a:lstStyle/>
                    <a:p>
                      <a:pPr algn="ctr"/>
                      <a:r>
                        <a:rPr lang="de-DE" sz="1600" b="1" dirty="0">
                          <a:solidFill>
                            <a:schemeClr val="accent2">
                              <a:lumMod val="50000"/>
                            </a:schemeClr>
                          </a:solidFill>
                        </a:rPr>
                        <a:t>Bronze</a:t>
                      </a:r>
                    </a:p>
                    <a:p>
                      <a:pPr algn="ctr"/>
                      <a:r>
                        <a:rPr lang="de-DE" sz="1600" b="0" dirty="0"/>
                        <a:t>CHF xxx</a:t>
                      </a:r>
                      <a:endParaRPr lang="de-CH" b="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endParaRPr lang="de-CH"/>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marL="0" algn="ctr" defTabSz="685800" rtl="0" eaLnBrk="1" latinLnBrk="0" hangingPunct="1"/>
                      <a:r>
                        <a:rPr lang="de-DE" sz="1600" b="1" kern="1200" dirty="0" err="1">
                          <a:solidFill>
                            <a:schemeClr val="bg1">
                              <a:lumMod val="65000"/>
                            </a:schemeClr>
                          </a:solidFill>
                          <a:latin typeface="+mn-lt"/>
                          <a:ea typeface="+mn-ea"/>
                          <a:cs typeface="+mn-cs"/>
                        </a:rPr>
                        <a:t>Silver</a:t>
                      </a:r>
                      <a:endParaRPr lang="de-DE" sz="1600" b="1" kern="1200" dirty="0">
                        <a:solidFill>
                          <a:schemeClr val="bg1">
                            <a:lumMod val="65000"/>
                          </a:schemeClr>
                        </a:solidFill>
                        <a:latin typeface="+mn-lt"/>
                        <a:ea typeface="+mn-ea"/>
                        <a:cs typeface="+mn-cs"/>
                      </a:endParaRPr>
                    </a:p>
                    <a:p>
                      <a:pPr marL="0" algn="ctr" defTabSz="685800" rtl="0" eaLnBrk="1" latinLnBrk="0" hangingPunct="1"/>
                      <a:r>
                        <a:rPr lang="de-DE" sz="1600" b="0" kern="1200" dirty="0">
                          <a:solidFill>
                            <a:schemeClr val="tx1"/>
                          </a:solidFill>
                          <a:latin typeface="+mn-lt"/>
                          <a:ea typeface="+mn-ea"/>
                          <a:cs typeface="+mn-cs"/>
                        </a:rPr>
                        <a:t>CHF xxx</a:t>
                      </a:r>
                      <a:endParaRPr lang="de-CH" sz="1600" b="0" kern="1200" dirty="0">
                        <a:solidFill>
                          <a:schemeClr val="tx1"/>
                        </a:solidFill>
                        <a:latin typeface="+mn-lt"/>
                        <a:ea typeface="+mn-ea"/>
                        <a:cs typeface="+mn-cs"/>
                      </a:endParaRPr>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ctr"/>
                      <a:endParaRPr lang="de-CH"/>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marL="0" algn="ctr" defTabSz="685800" rtl="0" eaLnBrk="1" latinLnBrk="0" hangingPunct="1"/>
                      <a:r>
                        <a:rPr lang="de-DE" sz="1600" b="1" kern="1200" dirty="0">
                          <a:solidFill>
                            <a:schemeClr val="accent5">
                              <a:lumMod val="75000"/>
                            </a:schemeClr>
                          </a:solidFill>
                          <a:latin typeface="+mn-lt"/>
                          <a:ea typeface="+mn-ea"/>
                          <a:cs typeface="+mn-cs"/>
                        </a:rPr>
                        <a:t>Gold</a:t>
                      </a:r>
                    </a:p>
                    <a:p>
                      <a:pPr marL="0" algn="ctr" defTabSz="685800" rtl="0" eaLnBrk="1" latinLnBrk="0" hangingPunct="1"/>
                      <a:r>
                        <a:rPr lang="de-DE" sz="1600" b="0" kern="1200" dirty="0">
                          <a:solidFill>
                            <a:schemeClr val="tx1"/>
                          </a:solidFill>
                          <a:latin typeface="+mn-lt"/>
                          <a:ea typeface="+mn-ea"/>
                          <a:cs typeface="+mn-cs"/>
                        </a:rPr>
                        <a:t>CHF xxx</a:t>
                      </a:r>
                      <a:endParaRPr lang="de-CH" sz="1600" b="0" kern="1200" dirty="0">
                        <a:solidFill>
                          <a:schemeClr val="tx1"/>
                        </a:solidFill>
                        <a:latin typeface="+mn-lt"/>
                        <a:ea typeface="+mn-ea"/>
                        <a:cs typeface="+mn-cs"/>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898374468"/>
                  </a:ext>
                </a:extLst>
              </a:tr>
              <a:tr h="296393">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060433209"/>
                  </a:ext>
                </a:extLst>
              </a:tr>
              <a:tr h="286891">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668654102"/>
                  </a:ext>
                </a:extLst>
              </a:tr>
              <a:tr h="286891">
                <a:tc>
                  <a:txBody>
                    <a:bodyPr/>
                    <a:lstStyle/>
                    <a:p>
                      <a:pPr algn="l"/>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dirty="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912694624"/>
                  </a:ext>
                </a:extLst>
              </a:tr>
              <a:tr h="286891">
                <a:tc>
                  <a:txBody>
                    <a:bodyPr/>
                    <a:lstStyle/>
                    <a:p>
                      <a:pPr algn="l"/>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9828474"/>
                  </a:ext>
                </a:extLst>
              </a:tr>
              <a:tr h="286891">
                <a:tc>
                  <a:txBody>
                    <a:bodyPr/>
                    <a:lstStyle/>
                    <a:p>
                      <a:pPr algn="l"/>
                      <a:endParaRPr lang="de-CH" sz="1200" i="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31837375"/>
                  </a:ext>
                </a:extLst>
              </a:tr>
              <a:tr h="286891">
                <a:tc>
                  <a:txBody>
                    <a:bodyPr/>
                    <a:lstStyle/>
                    <a:p>
                      <a:pPr algn="l"/>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r>
                        <a:rPr lang="de-DE" sz="1200" i="0" dirty="0"/>
                        <a:t>xxx</a:t>
                      </a:r>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947959479"/>
                  </a:ext>
                </a:extLst>
              </a:tr>
              <a:tr h="286891">
                <a:tc>
                  <a:txBody>
                    <a:bodyPr/>
                    <a:lstStyle/>
                    <a:p>
                      <a:pPr algn="l"/>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9412962"/>
                  </a:ext>
                </a:extLst>
              </a:tr>
              <a:tr h="286891">
                <a:tc>
                  <a:txBody>
                    <a:bodyPr/>
                    <a:lstStyle/>
                    <a:p>
                      <a:pPr algn="l"/>
                      <a:endParaRPr lang="de-CH" sz="1200" i="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dirty="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315634459"/>
                  </a:ext>
                </a:extLst>
              </a:tr>
              <a:tr h="286891">
                <a:tc>
                  <a:txBody>
                    <a:bodyPr/>
                    <a:lstStyle/>
                    <a:p>
                      <a:pPr algn="l"/>
                      <a:endParaRPr lang="de-CH" sz="1200" i="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286944303"/>
                  </a:ext>
                </a:extLst>
              </a:tr>
              <a:tr h="286891">
                <a:tc>
                  <a:txBody>
                    <a:bodyPr/>
                    <a:lstStyle/>
                    <a:p>
                      <a:pPr algn="l"/>
                      <a:endParaRPr lang="de-CH" sz="1200" i="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ap="flat" cmpd="sng" algn="ctr">
                      <a:noFill/>
                      <a:prstDash val="solid"/>
                      <a:round/>
                      <a:headEnd type="none" w="med" len="med"/>
                      <a:tailEnd type="none" w="med" len="med"/>
                    </a:lnL>
                    <a:lnR w="12700" cmpd="sng">
                      <a:noFill/>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a:p>
                  </a:txBody>
                  <a:tcPr>
                    <a:lnL w="12700" cmpd="sng">
                      <a:noFill/>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tc>
                  <a:txBody>
                    <a:bodyPr/>
                    <a:lstStyle/>
                    <a:p>
                      <a:pPr algn="l"/>
                      <a:endParaRPr lang="de-CH" sz="1200" i="0" dirty="0"/>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mpd="sng">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911948146"/>
                  </a:ext>
                </a:extLst>
              </a:tr>
            </a:tbl>
          </a:graphicData>
        </a:graphic>
      </p:graphicFrame>
    </p:spTree>
    <p:extLst>
      <p:ext uri="{BB962C8B-B14F-4D97-AF65-F5344CB8AC3E}">
        <p14:creationId xmlns:p14="http://schemas.microsoft.com/office/powerpoint/2010/main" val="181910237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B5008C5-18C6-4D27-B5B2-C95EACC8ABEC}"/>
              </a:ext>
            </a:extLst>
          </p:cNvPr>
          <p:cNvSpPr>
            <a:spLocks noGrp="1"/>
          </p:cNvSpPr>
          <p:nvPr>
            <p:ph type="title"/>
          </p:nvPr>
        </p:nvSpPr>
        <p:spPr/>
        <p:txBody>
          <a:bodyPr/>
          <a:lstStyle/>
          <a:p>
            <a:r>
              <a:rPr lang="de-DE" sz="1200" dirty="0"/>
              <a:t>„Club </a:t>
            </a:r>
            <a:r>
              <a:rPr lang="de-DE" sz="1200" dirty="0" err="1"/>
              <a:t>name</a:t>
            </a:r>
            <a:r>
              <a:rPr lang="de-DE" sz="1200" dirty="0"/>
              <a:t>“</a:t>
            </a:r>
            <a:br>
              <a:rPr lang="de-DE" sz="1200" dirty="0"/>
            </a:br>
            <a:r>
              <a:rPr lang="de-DE" dirty="0" err="1"/>
              <a:t>Your</a:t>
            </a:r>
            <a:r>
              <a:rPr lang="de-DE" dirty="0"/>
              <a:t> </a:t>
            </a:r>
            <a:r>
              <a:rPr lang="de-DE" dirty="0" err="1"/>
              <a:t>benefits</a:t>
            </a:r>
            <a:r>
              <a:rPr lang="de-DE" dirty="0"/>
              <a:t> </a:t>
            </a:r>
            <a:r>
              <a:rPr lang="de-DE" dirty="0" err="1"/>
              <a:t>as</a:t>
            </a:r>
            <a:r>
              <a:rPr lang="de-DE" dirty="0"/>
              <a:t> a sponsor</a:t>
            </a:r>
            <a:endParaRPr lang="de-CH" dirty="0"/>
          </a:p>
        </p:txBody>
      </p:sp>
      <p:sp>
        <p:nvSpPr>
          <p:cNvPr id="3" name="Inhaltsplatzhalter 2">
            <a:extLst>
              <a:ext uri="{FF2B5EF4-FFF2-40B4-BE49-F238E27FC236}">
                <a16:creationId xmlns:a16="http://schemas.microsoft.com/office/drawing/2014/main" id="{04D66094-DD2D-0D28-A3E8-F6D5EAA8C99C}"/>
              </a:ext>
            </a:extLst>
          </p:cNvPr>
          <p:cNvSpPr>
            <a:spLocks noGrp="1"/>
          </p:cNvSpPr>
          <p:nvPr>
            <p:ph idx="1"/>
          </p:nvPr>
        </p:nvSpPr>
        <p:spPr/>
        <p:txBody>
          <a:bodyPr/>
          <a:lstStyle/>
          <a:p>
            <a:endParaRPr lang="de-CH"/>
          </a:p>
        </p:txBody>
      </p:sp>
      <p:sp>
        <p:nvSpPr>
          <p:cNvPr id="4" name="Foliennummernplatzhalter 3">
            <a:extLst>
              <a:ext uri="{FF2B5EF4-FFF2-40B4-BE49-F238E27FC236}">
                <a16:creationId xmlns:a16="http://schemas.microsoft.com/office/drawing/2014/main" id="{8CABD2F3-9AB6-D7BE-062F-DBA325B5052C}"/>
              </a:ext>
            </a:extLst>
          </p:cNvPr>
          <p:cNvSpPr>
            <a:spLocks noGrp="1"/>
          </p:cNvSpPr>
          <p:nvPr>
            <p:ph type="sldNum" sz="quarter" idx="12"/>
          </p:nvPr>
        </p:nvSpPr>
        <p:spPr/>
        <p:txBody>
          <a:bodyPr/>
          <a:lstStyle/>
          <a:p>
            <a:fld id="{7559FC98-AF75-4A00-A03C-DF9FEBF6BCB9}" type="slidenum">
              <a:rPr lang="de-CH" smtClean="0"/>
              <a:pPr/>
              <a:t>9</a:t>
            </a:fld>
            <a:endParaRPr lang="de-CH"/>
          </a:p>
        </p:txBody>
      </p:sp>
      <p:grpSp>
        <p:nvGrpSpPr>
          <p:cNvPr id="5" name="Group 5">
            <a:extLst>
              <a:ext uri="{FF2B5EF4-FFF2-40B4-BE49-F238E27FC236}">
                <a16:creationId xmlns:a16="http://schemas.microsoft.com/office/drawing/2014/main" id="{2F2921A0-65A0-07D3-8B44-469CEB295FC6}"/>
              </a:ext>
            </a:extLst>
          </p:cNvPr>
          <p:cNvGrpSpPr/>
          <p:nvPr/>
        </p:nvGrpSpPr>
        <p:grpSpPr>
          <a:xfrm>
            <a:off x="2201213" y="1335550"/>
            <a:ext cx="4741574" cy="3161044"/>
            <a:chOff x="4063136" y="2270671"/>
            <a:chExt cx="3381771" cy="2254511"/>
          </a:xfrm>
        </p:grpSpPr>
        <p:graphicFrame>
          <p:nvGraphicFramePr>
            <p:cNvPr id="6" name="Chart 6">
              <a:extLst>
                <a:ext uri="{FF2B5EF4-FFF2-40B4-BE49-F238E27FC236}">
                  <a16:creationId xmlns:a16="http://schemas.microsoft.com/office/drawing/2014/main" id="{026E28D7-B2F2-F5A8-59F1-1A1B5CE182AE}"/>
                </a:ext>
              </a:extLst>
            </p:cNvPr>
            <p:cNvGraphicFramePr/>
            <p:nvPr>
              <p:extLst>
                <p:ext uri="{D42A27DB-BD31-4B8C-83A1-F6EECF244321}">
                  <p14:modId xmlns:p14="http://schemas.microsoft.com/office/powerpoint/2010/main" val="3080436726"/>
                </p:ext>
              </p:extLst>
            </p:nvPr>
          </p:nvGraphicFramePr>
          <p:xfrm>
            <a:off x="4063136" y="2270671"/>
            <a:ext cx="3381771" cy="2254511"/>
          </p:xfrm>
          <a:graphic>
            <a:graphicData uri="http://schemas.openxmlformats.org/drawingml/2006/chart">
              <c:chart xmlns:c="http://schemas.openxmlformats.org/drawingml/2006/chart" xmlns:r="http://schemas.openxmlformats.org/officeDocument/2006/relationships" r:id="rId2"/>
            </a:graphicData>
          </a:graphic>
        </p:graphicFrame>
        <p:sp>
          <p:nvSpPr>
            <p:cNvPr id="7" name="TextBox 7">
              <a:extLst>
                <a:ext uri="{FF2B5EF4-FFF2-40B4-BE49-F238E27FC236}">
                  <a16:creationId xmlns:a16="http://schemas.microsoft.com/office/drawing/2014/main" id="{BC96CBC7-7652-1C9C-37ED-1E6907C25ABE}"/>
                </a:ext>
              </a:extLst>
            </p:cNvPr>
            <p:cNvSpPr txBox="1"/>
            <p:nvPr/>
          </p:nvSpPr>
          <p:spPr>
            <a:xfrm>
              <a:off x="6096556" y="2751566"/>
              <a:ext cx="393056" cy="307777"/>
            </a:xfrm>
            <a:prstGeom prst="rect">
              <a:avLst/>
            </a:prstGeom>
            <a:noFill/>
          </p:spPr>
          <p:txBody>
            <a:bodyPr wrap="none" rtlCol="0">
              <a:spAutoFit/>
            </a:bodyPr>
            <a:lstStyle/>
            <a:p>
              <a:pPr algn="ctr"/>
              <a:r>
                <a:rPr lang="en-AU" sz="1400" b="1">
                  <a:solidFill>
                    <a:schemeClr val="bg1"/>
                  </a:solidFill>
                  <a:latin typeface="+mj-lt"/>
                </a:rPr>
                <a:t>02</a:t>
              </a:r>
              <a:endParaRPr lang="en-US" sz="1400" b="1">
                <a:solidFill>
                  <a:schemeClr val="bg1"/>
                </a:solidFill>
                <a:latin typeface="+mj-lt"/>
              </a:endParaRPr>
            </a:p>
          </p:txBody>
        </p:sp>
        <p:sp>
          <p:nvSpPr>
            <p:cNvPr id="8" name="TextBox 8">
              <a:extLst>
                <a:ext uri="{FF2B5EF4-FFF2-40B4-BE49-F238E27FC236}">
                  <a16:creationId xmlns:a16="http://schemas.microsoft.com/office/drawing/2014/main" id="{F5B72434-F540-9F1F-E0B8-0883107813E6}"/>
                </a:ext>
              </a:extLst>
            </p:cNvPr>
            <p:cNvSpPr txBox="1"/>
            <p:nvPr/>
          </p:nvSpPr>
          <p:spPr>
            <a:xfrm>
              <a:off x="5006666" y="2751566"/>
              <a:ext cx="393056" cy="307777"/>
            </a:xfrm>
            <a:prstGeom prst="rect">
              <a:avLst/>
            </a:prstGeom>
            <a:noFill/>
          </p:spPr>
          <p:txBody>
            <a:bodyPr wrap="none" rtlCol="0">
              <a:spAutoFit/>
            </a:bodyPr>
            <a:lstStyle/>
            <a:p>
              <a:pPr algn="ctr"/>
              <a:r>
                <a:rPr lang="en-AU" sz="1400" b="1">
                  <a:solidFill>
                    <a:schemeClr val="bg1"/>
                  </a:solidFill>
                  <a:latin typeface="+mj-lt"/>
                </a:rPr>
                <a:t>01</a:t>
              </a:r>
              <a:endParaRPr lang="en-US" sz="1400" b="1">
                <a:solidFill>
                  <a:schemeClr val="bg1"/>
                </a:solidFill>
                <a:latin typeface="+mj-lt"/>
              </a:endParaRPr>
            </a:p>
          </p:txBody>
        </p:sp>
        <p:sp>
          <p:nvSpPr>
            <p:cNvPr id="9" name="TextBox 9">
              <a:extLst>
                <a:ext uri="{FF2B5EF4-FFF2-40B4-BE49-F238E27FC236}">
                  <a16:creationId xmlns:a16="http://schemas.microsoft.com/office/drawing/2014/main" id="{49E8FBC8-DD51-DB4B-8239-F7737C15B1C1}"/>
                </a:ext>
              </a:extLst>
            </p:cNvPr>
            <p:cNvSpPr txBox="1"/>
            <p:nvPr/>
          </p:nvSpPr>
          <p:spPr>
            <a:xfrm>
              <a:off x="5006666" y="3732692"/>
              <a:ext cx="393056" cy="307777"/>
            </a:xfrm>
            <a:prstGeom prst="rect">
              <a:avLst/>
            </a:prstGeom>
            <a:noFill/>
          </p:spPr>
          <p:txBody>
            <a:bodyPr wrap="none" rtlCol="0">
              <a:spAutoFit/>
            </a:bodyPr>
            <a:lstStyle/>
            <a:p>
              <a:pPr algn="ctr"/>
              <a:r>
                <a:rPr lang="en-AU" sz="1400" b="1">
                  <a:solidFill>
                    <a:schemeClr val="bg1"/>
                  </a:solidFill>
                  <a:latin typeface="+mj-lt"/>
                </a:rPr>
                <a:t>04</a:t>
              </a:r>
              <a:endParaRPr lang="en-US" sz="1400" b="1">
                <a:solidFill>
                  <a:schemeClr val="bg1"/>
                </a:solidFill>
                <a:latin typeface="+mj-lt"/>
              </a:endParaRPr>
            </a:p>
          </p:txBody>
        </p:sp>
        <p:sp>
          <p:nvSpPr>
            <p:cNvPr id="10" name="TextBox 10">
              <a:extLst>
                <a:ext uri="{FF2B5EF4-FFF2-40B4-BE49-F238E27FC236}">
                  <a16:creationId xmlns:a16="http://schemas.microsoft.com/office/drawing/2014/main" id="{AA826182-F6F9-A1C1-3696-4C428495D8BC}"/>
                </a:ext>
              </a:extLst>
            </p:cNvPr>
            <p:cNvSpPr txBox="1"/>
            <p:nvPr/>
          </p:nvSpPr>
          <p:spPr>
            <a:xfrm>
              <a:off x="6096556" y="3733687"/>
              <a:ext cx="393056" cy="307777"/>
            </a:xfrm>
            <a:prstGeom prst="rect">
              <a:avLst/>
            </a:prstGeom>
            <a:noFill/>
          </p:spPr>
          <p:txBody>
            <a:bodyPr wrap="none" rtlCol="0">
              <a:spAutoFit/>
            </a:bodyPr>
            <a:lstStyle/>
            <a:p>
              <a:pPr algn="ctr"/>
              <a:r>
                <a:rPr lang="en-AU" sz="1400" b="1">
                  <a:solidFill>
                    <a:schemeClr val="bg1"/>
                  </a:solidFill>
                  <a:latin typeface="+mj-lt"/>
                </a:rPr>
                <a:t>03</a:t>
              </a:r>
              <a:endParaRPr lang="en-US" sz="1400" b="1">
                <a:solidFill>
                  <a:schemeClr val="bg1"/>
                </a:solidFill>
                <a:latin typeface="+mj-lt"/>
              </a:endParaRPr>
            </a:p>
          </p:txBody>
        </p:sp>
      </p:grpSp>
      <p:cxnSp>
        <p:nvCxnSpPr>
          <p:cNvPr id="11" name="Straight Arrow Connector 11">
            <a:extLst>
              <a:ext uri="{FF2B5EF4-FFF2-40B4-BE49-F238E27FC236}">
                <a16:creationId xmlns:a16="http://schemas.microsoft.com/office/drawing/2014/main" id="{1DF385D9-2996-C7E3-5260-F5741A091BFA}"/>
              </a:ext>
            </a:extLst>
          </p:cNvPr>
          <p:cNvCxnSpPr/>
          <p:nvPr/>
        </p:nvCxnSpPr>
        <p:spPr>
          <a:xfrm>
            <a:off x="5973682" y="2191800"/>
            <a:ext cx="894026" cy="0"/>
          </a:xfrm>
          <a:prstGeom prst="straightConnector1">
            <a:avLst/>
          </a:prstGeom>
          <a:ln>
            <a:solidFill>
              <a:schemeClr val="bg1">
                <a:lumMod val="85000"/>
              </a:schemeClr>
            </a:solidFill>
            <a:prstDash val="solid"/>
            <a:round/>
            <a:tailEnd type="oval"/>
          </a:ln>
        </p:spPr>
        <p:style>
          <a:lnRef idx="1">
            <a:schemeClr val="accent1"/>
          </a:lnRef>
          <a:fillRef idx="0">
            <a:schemeClr val="accent1"/>
          </a:fillRef>
          <a:effectRef idx="0">
            <a:schemeClr val="accent1"/>
          </a:effectRef>
          <a:fontRef idx="minor">
            <a:schemeClr val="tx1"/>
          </a:fontRef>
        </p:style>
      </p:cxnSp>
      <p:sp>
        <p:nvSpPr>
          <p:cNvPr id="12" name="TextBox 12">
            <a:extLst>
              <a:ext uri="{FF2B5EF4-FFF2-40B4-BE49-F238E27FC236}">
                <a16:creationId xmlns:a16="http://schemas.microsoft.com/office/drawing/2014/main" id="{36A643C3-D2DA-0495-061E-74A67564E189}"/>
              </a:ext>
            </a:extLst>
          </p:cNvPr>
          <p:cNvSpPr txBox="1"/>
          <p:nvPr/>
        </p:nvSpPr>
        <p:spPr>
          <a:xfrm>
            <a:off x="7145315" y="1671258"/>
            <a:ext cx="1804560" cy="338554"/>
          </a:xfrm>
          <a:prstGeom prst="rect">
            <a:avLst/>
          </a:prstGeom>
          <a:noFill/>
        </p:spPr>
        <p:txBody>
          <a:bodyPr wrap="square" rtlCol="0">
            <a:spAutoFit/>
          </a:bodyPr>
          <a:lstStyle/>
          <a:p>
            <a:r>
              <a:rPr lang="en-US" sz="1600" b="1">
                <a:solidFill>
                  <a:schemeClr val="tx1">
                    <a:lumMod val="75000"/>
                    <a:lumOff val="25000"/>
                  </a:schemeClr>
                </a:solidFill>
                <a:latin typeface="+mj-lt"/>
                <a:ea typeface="Lato" charset="0"/>
                <a:cs typeface="Lato" charset="0"/>
              </a:rPr>
              <a:t>Target group</a:t>
            </a:r>
          </a:p>
        </p:txBody>
      </p:sp>
      <p:sp>
        <p:nvSpPr>
          <p:cNvPr id="13" name="7 CuadroTexto">
            <a:extLst>
              <a:ext uri="{FF2B5EF4-FFF2-40B4-BE49-F238E27FC236}">
                <a16:creationId xmlns:a16="http://schemas.microsoft.com/office/drawing/2014/main" id="{9CC4B9B5-DEF4-9EEA-5FB1-DC92CFCABBB3}"/>
              </a:ext>
            </a:extLst>
          </p:cNvPr>
          <p:cNvSpPr txBox="1"/>
          <p:nvPr/>
        </p:nvSpPr>
        <p:spPr>
          <a:xfrm>
            <a:off x="7145314" y="1852997"/>
            <a:ext cx="2007089" cy="1075487"/>
          </a:xfrm>
          <a:prstGeom prst="rect">
            <a:avLst/>
          </a:prstGeom>
          <a:noFill/>
        </p:spPr>
        <p:txBody>
          <a:bodyPr wrap="square" lIns="91440" tIns="45720" rIns="91440" bIns="45720" anchor="t">
            <a:spAutoFit/>
          </a:bodyPr>
          <a:lstStyle/>
          <a:p>
            <a:pPr>
              <a:lnSpc>
                <a:spcPts val="1280"/>
              </a:lnSpc>
              <a:defRPr/>
            </a:pPr>
            <a:endParaRPr lang="en-US" sz="900">
              <a:solidFill>
                <a:schemeClr val="bg1">
                  <a:lumMod val="50000"/>
                </a:schemeClr>
              </a:solidFill>
              <a:latin typeface="+mj-lt"/>
              <a:ea typeface="Lato" charset="0"/>
              <a:cs typeface="Lato" charset="0"/>
            </a:endParaRPr>
          </a:p>
          <a:p>
            <a:pPr>
              <a:lnSpc>
                <a:spcPts val="1280"/>
              </a:lnSpc>
              <a:defRPr/>
            </a:pPr>
            <a:r>
              <a:rPr lang="en-US" sz="1000">
                <a:solidFill>
                  <a:schemeClr val="bg1">
                    <a:lumMod val="50000"/>
                  </a:schemeClr>
                </a:solidFill>
                <a:latin typeface="+mj-lt"/>
                <a:ea typeface="Lato"/>
                <a:cs typeface="Lato"/>
              </a:rPr>
              <a:t>Access to an influential target group: 33,000 alumni, mostly in middle or higher management positions, 80% from Switzerland.</a:t>
            </a:r>
          </a:p>
          <a:p>
            <a:pPr>
              <a:lnSpc>
                <a:spcPts val="1280"/>
              </a:lnSpc>
              <a:defRPr/>
            </a:pPr>
            <a:endParaRPr lang="en-US" sz="900">
              <a:solidFill>
                <a:schemeClr val="bg1">
                  <a:lumMod val="50000"/>
                </a:schemeClr>
              </a:solidFill>
              <a:latin typeface="+mj-lt"/>
              <a:ea typeface="Lato" charset="0"/>
              <a:cs typeface="Lato" charset="0"/>
            </a:endParaRPr>
          </a:p>
        </p:txBody>
      </p:sp>
      <p:cxnSp>
        <p:nvCxnSpPr>
          <p:cNvPr id="14" name="Straight Arrow Connector 14">
            <a:extLst>
              <a:ext uri="{FF2B5EF4-FFF2-40B4-BE49-F238E27FC236}">
                <a16:creationId xmlns:a16="http://schemas.microsoft.com/office/drawing/2014/main" id="{E587C16A-49A2-19AA-99A1-72D6BEAB5545}"/>
              </a:ext>
            </a:extLst>
          </p:cNvPr>
          <p:cNvCxnSpPr/>
          <p:nvPr/>
        </p:nvCxnSpPr>
        <p:spPr>
          <a:xfrm>
            <a:off x="5973682" y="3736711"/>
            <a:ext cx="894026" cy="0"/>
          </a:xfrm>
          <a:prstGeom prst="straightConnector1">
            <a:avLst/>
          </a:prstGeom>
          <a:ln>
            <a:solidFill>
              <a:schemeClr val="bg1">
                <a:lumMod val="85000"/>
              </a:schemeClr>
            </a:solidFill>
            <a:prstDash val="solid"/>
            <a:round/>
            <a:tailEnd type="oval"/>
          </a:ln>
        </p:spPr>
        <p:style>
          <a:lnRef idx="1">
            <a:schemeClr val="accent1"/>
          </a:lnRef>
          <a:fillRef idx="0">
            <a:schemeClr val="accent1"/>
          </a:fillRef>
          <a:effectRef idx="0">
            <a:schemeClr val="accent1"/>
          </a:effectRef>
          <a:fontRef idx="minor">
            <a:schemeClr val="tx1"/>
          </a:fontRef>
        </p:style>
      </p:cxnSp>
      <p:sp>
        <p:nvSpPr>
          <p:cNvPr id="15" name="TextBox 15">
            <a:extLst>
              <a:ext uri="{FF2B5EF4-FFF2-40B4-BE49-F238E27FC236}">
                <a16:creationId xmlns:a16="http://schemas.microsoft.com/office/drawing/2014/main" id="{40DC39C0-771A-385F-6DD5-A2987213C9D5}"/>
              </a:ext>
            </a:extLst>
          </p:cNvPr>
          <p:cNvSpPr txBox="1"/>
          <p:nvPr/>
        </p:nvSpPr>
        <p:spPr>
          <a:xfrm>
            <a:off x="7145315" y="3216169"/>
            <a:ext cx="1804560" cy="338554"/>
          </a:xfrm>
          <a:prstGeom prst="rect">
            <a:avLst/>
          </a:prstGeom>
          <a:noFill/>
        </p:spPr>
        <p:txBody>
          <a:bodyPr wrap="square" rtlCol="0">
            <a:spAutoFit/>
          </a:bodyPr>
          <a:lstStyle/>
          <a:p>
            <a:r>
              <a:rPr lang="en-US" sz="1600" b="1">
                <a:solidFill>
                  <a:schemeClr val="tx1">
                    <a:lumMod val="75000"/>
                    <a:lumOff val="25000"/>
                  </a:schemeClr>
                </a:solidFill>
                <a:latin typeface="+mj-lt"/>
                <a:ea typeface="Lato" charset="0"/>
                <a:cs typeface="Lato" charset="0"/>
              </a:rPr>
              <a:t>Tailored</a:t>
            </a:r>
          </a:p>
        </p:txBody>
      </p:sp>
      <p:sp>
        <p:nvSpPr>
          <p:cNvPr id="16" name="7 CuadroTexto">
            <a:extLst>
              <a:ext uri="{FF2B5EF4-FFF2-40B4-BE49-F238E27FC236}">
                <a16:creationId xmlns:a16="http://schemas.microsoft.com/office/drawing/2014/main" id="{4F584E3A-89CA-0EAA-68F4-685A151D56A6}"/>
              </a:ext>
            </a:extLst>
          </p:cNvPr>
          <p:cNvSpPr txBox="1"/>
          <p:nvPr/>
        </p:nvSpPr>
        <p:spPr>
          <a:xfrm>
            <a:off x="7145315" y="3397908"/>
            <a:ext cx="1998686" cy="916020"/>
          </a:xfrm>
          <a:prstGeom prst="rect">
            <a:avLst/>
          </a:prstGeom>
          <a:noFill/>
        </p:spPr>
        <p:txBody>
          <a:bodyPr wrap="square">
            <a:spAutoFit/>
          </a:bodyPr>
          <a:lstStyle/>
          <a:p>
            <a:pPr>
              <a:lnSpc>
                <a:spcPts val="1280"/>
              </a:lnSpc>
              <a:defRPr/>
            </a:pPr>
            <a:endParaRPr lang="en-US" sz="900" dirty="0">
              <a:solidFill>
                <a:schemeClr val="bg1">
                  <a:lumMod val="50000"/>
                </a:schemeClr>
              </a:solidFill>
              <a:latin typeface="+mj-lt"/>
              <a:ea typeface="Lato" charset="0"/>
              <a:cs typeface="Lato" charset="0"/>
            </a:endParaRPr>
          </a:p>
          <a:p>
            <a:pPr>
              <a:lnSpc>
                <a:spcPts val="1280"/>
              </a:lnSpc>
              <a:defRPr/>
            </a:pPr>
            <a:r>
              <a:rPr lang="en-US" sz="1000" dirty="0">
                <a:solidFill>
                  <a:schemeClr val="bg1">
                    <a:lumMod val="50000"/>
                  </a:schemeClr>
                </a:solidFill>
                <a:latin typeface="+mj-lt"/>
                <a:ea typeface="Lato" charset="0"/>
                <a:cs typeface="Lato" charset="0"/>
              </a:rPr>
              <a:t>Prominent and tailor-made appearance, based on </a:t>
            </a:r>
            <a:r>
              <a:rPr lang="en-US" sz="1000">
                <a:solidFill>
                  <a:schemeClr val="bg1">
                    <a:lumMod val="50000"/>
                  </a:schemeClr>
                </a:solidFill>
                <a:latin typeface="+mj-lt"/>
                <a:ea typeface="Lato" charset="0"/>
                <a:cs typeface="Lato" charset="0"/>
              </a:rPr>
              <a:t>our sponsoring </a:t>
            </a:r>
            <a:r>
              <a:rPr lang="en-US" sz="1000" dirty="0">
                <a:solidFill>
                  <a:schemeClr val="bg1">
                    <a:lumMod val="50000"/>
                  </a:schemeClr>
                </a:solidFill>
                <a:latin typeface="+mj-lt"/>
                <a:ea typeface="Lato" charset="0"/>
                <a:cs typeface="Lato" charset="0"/>
              </a:rPr>
              <a:t>packages.</a:t>
            </a:r>
          </a:p>
          <a:p>
            <a:pPr>
              <a:lnSpc>
                <a:spcPts val="1280"/>
              </a:lnSpc>
              <a:defRPr/>
            </a:pPr>
            <a:endParaRPr lang="en-US" sz="900" dirty="0">
              <a:solidFill>
                <a:schemeClr val="bg1">
                  <a:lumMod val="50000"/>
                </a:schemeClr>
              </a:solidFill>
              <a:latin typeface="+mj-lt"/>
              <a:ea typeface="Lato" charset="0"/>
              <a:cs typeface="Lato" charset="0"/>
            </a:endParaRPr>
          </a:p>
        </p:txBody>
      </p:sp>
      <p:cxnSp>
        <p:nvCxnSpPr>
          <p:cNvPr id="17" name="Straight Arrow Connector 17">
            <a:extLst>
              <a:ext uri="{FF2B5EF4-FFF2-40B4-BE49-F238E27FC236}">
                <a16:creationId xmlns:a16="http://schemas.microsoft.com/office/drawing/2014/main" id="{03380D44-DE69-0F98-7CEB-021D3235DC4C}"/>
              </a:ext>
            </a:extLst>
          </p:cNvPr>
          <p:cNvCxnSpPr/>
          <p:nvPr/>
        </p:nvCxnSpPr>
        <p:spPr>
          <a:xfrm flipH="1">
            <a:off x="2277127" y="2189642"/>
            <a:ext cx="786450" cy="0"/>
          </a:xfrm>
          <a:prstGeom prst="straightConnector1">
            <a:avLst/>
          </a:prstGeom>
          <a:ln>
            <a:solidFill>
              <a:schemeClr val="bg1">
                <a:lumMod val="85000"/>
              </a:schemeClr>
            </a:solidFill>
            <a:prstDash val="solid"/>
            <a:round/>
            <a:tailEnd type="oval"/>
          </a:ln>
        </p:spPr>
        <p:style>
          <a:lnRef idx="1">
            <a:schemeClr val="accent1"/>
          </a:lnRef>
          <a:fillRef idx="0">
            <a:schemeClr val="accent1"/>
          </a:fillRef>
          <a:effectRef idx="0">
            <a:schemeClr val="accent1"/>
          </a:effectRef>
          <a:fontRef idx="minor">
            <a:schemeClr val="tx1"/>
          </a:fontRef>
        </p:style>
      </p:cxnSp>
      <p:sp>
        <p:nvSpPr>
          <p:cNvPr id="18" name="TextBox 18">
            <a:extLst>
              <a:ext uri="{FF2B5EF4-FFF2-40B4-BE49-F238E27FC236}">
                <a16:creationId xmlns:a16="http://schemas.microsoft.com/office/drawing/2014/main" id="{98B48B70-1CD4-7DB1-77C4-812E0F2F4EEC}"/>
              </a:ext>
            </a:extLst>
          </p:cNvPr>
          <p:cNvSpPr txBox="1"/>
          <p:nvPr/>
        </p:nvSpPr>
        <p:spPr>
          <a:xfrm>
            <a:off x="187552" y="1702957"/>
            <a:ext cx="1804560" cy="338554"/>
          </a:xfrm>
          <a:prstGeom prst="rect">
            <a:avLst/>
          </a:prstGeom>
          <a:noFill/>
        </p:spPr>
        <p:txBody>
          <a:bodyPr wrap="square" rtlCol="0">
            <a:spAutoFit/>
          </a:bodyPr>
          <a:lstStyle/>
          <a:p>
            <a:pPr algn="r"/>
            <a:r>
              <a:rPr lang="en-US" sz="1600" b="1">
                <a:solidFill>
                  <a:schemeClr val="tx1">
                    <a:lumMod val="75000"/>
                    <a:lumOff val="25000"/>
                  </a:schemeClr>
                </a:solidFill>
                <a:latin typeface="+mj-lt"/>
                <a:ea typeface="Lato" charset="0"/>
                <a:cs typeface="Lato" charset="0"/>
              </a:rPr>
              <a:t>Brand transfer</a:t>
            </a:r>
          </a:p>
        </p:txBody>
      </p:sp>
      <p:sp>
        <p:nvSpPr>
          <p:cNvPr id="19" name="7 CuadroTexto">
            <a:extLst>
              <a:ext uri="{FF2B5EF4-FFF2-40B4-BE49-F238E27FC236}">
                <a16:creationId xmlns:a16="http://schemas.microsoft.com/office/drawing/2014/main" id="{01058918-D79B-AAA4-475B-F53A754CD668}"/>
              </a:ext>
            </a:extLst>
          </p:cNvPr>
          <p:cNvSpPr txBox="1"/>
          <p:nvPr/>
        </p:nvSpPr>
        <p:spPr>
          <a:xfrm>
            <a:off x="0" y="1884696"/>
            <a:ext cx="1992112" cy="1075487"/>
          </a:xfrm>
          <a:prstGeom prst="rect">
            <a:avLst/>
          </a:prstGeom>
          <a:noFill/>
        </p:spPr>
        <p:txBody>
          <a:bodyPr wrap="square" lIns="91440" tIns="45720" rIns="91440" bIns="45720" anchor="t">
            <a:spAutoFit/>
          </a:bodyPr>
          <a:lstStyle/>
          <a:p>
            <a:pPr algn="r">
              <a:lnSpc>
                <a:spcPts val="1280"/>
              </a:lnSpc>
              <a:defRPr/>
            </a:pPr>
            <a:endParaRPr lang="en-US" sz="900" dirty="0">
              <a:solidFill>
                <a:schemeClr val="bg1">
                  <a:lumMod val="50000"/>
                </a:schemeClr>
              </a:solidFill>
              <a:latin typeface="+mj-lt"/>
              <a:ea typeface="Lato" charset="0"/>
              <a:cs typeface="Lato" charset="0"/>
            </a:endParaRPr>
          </a:p>
          <a:p>
            <a:pPr algn="r">
              <a:lnSpc>
                <a:spcPts val="1280"/>
              </a:lnSpc>
              <a:defRPr/>
            </a:pPr>
            <a:r>
              <a:rPr lang="en-US" sz="1000" dirty="0">
                <a:solidFill>
                  <a:schemeClr val="bg1">
                    <a:lumMod val="50000"/>
                  </a:schemeClr>
                </a:solidFill>
                <a:latin typeface="+mj-lt"/>
                <a:ea typeface="Lato"/>
                <a:cs typeface="Lato"/>
              </a:rPr>
              <a:t>Position your brand with renowned and high-profile brands like HSG, HSG Alumni and University of </a:t>
            </a:r>
            <a:r>
              <a:rPr lang="en-US" sz="1000" dirty="0" err="1">
                <a:solidFill>
                  <a:schemeClr val="bg1">
                    <a:lumMod val="50000"/>
                  </a:schemeClr>
                </a:solidFill>
                <a:latin typeface="+mj-lt"/>
                <a:ea typeface="Lato"/>
                <a:cs typeface="Lato"/>
              </a:rPr>
              <a:t>St.Gallen</a:t>
            </a:r>
            <a:r>
              <a:rPr lang="en-US" sz="1000" dirty="0">
                <a:solidFill>
                  <a:schemeClr val="bg1">
                    <a:lumMod val="50000"/>
                  </a:schemeClr>
                </a:solidFill>
                <a:latin typeface="+mj-lt"/>
                <a:ea typeface="Lato"/>
                <a:cs typeface="Lato"/>
              </a:rPr>
              <a:t>.</a:t>
            </a:r>
          </a:p>
          <a:p>
            <a:pPr algn="r">
              <a:lnSpc>
                <a:spcPts val="1280"/>
              </a:lnSpc>
              <a:defRPr/>
            </a:pPr>
            <a:endParaRPr lang="en-US" sz="900" dirty="0">
              <a:solidFill>
                <a:schemeClr val="bg1">
                  <a:lumMod val="50000"/>
                </a:schemeClr>
              </a:solidFill>
              <a:latin typeface="+mj-lt"/>
              <a:ea typeface="Lato" charset="0"/>
              <a:cs typeface="Lato" charset="0"/>
            </a:endParaRPr>
          </a:p>
        </p:txBody>
      </p:sp>
      <p:cxnSp>
        <p:nvCxnSpPr>
          <p:cNvPr id="20" name="Straight Arrow Connector 20">
            <a:extLst>
              <a:ext uri="{FF2B5EF4-FFF2-40B4-BE49-F238E27FC236}">
                <a16:creationId xmlns:a16="http://schemas.microsoft.com/office/drawing/2014/main" id="{832BC26C-C837-B0B7-1508-65099850472C}"/>
              </a:ext>
            </a:extLst>
          </p:cNvPr>
          <p:cNvCxnSpPr/>
          <p:nvPr/>
        </p:nvCxnSpPr>
        <p:spPr>
          <a:xfrm flipH="1">
            <a:off x="2277127" y="3702854"/>
            <a:ext cx="786450" cy="0"/>
          </a:xfrm>
          <a:prstGeom prst="straightConnector1">
            <a:avLst/>
          </a:prstGeom>
          <a:ln>
            <a:solidFill>
              <a:schemeClr val="bg1">
                <a:lumMod val="85000"/>
              </a:schemeClr>
            </a:solidFill>
            <a:prstDash val="solid"/>
            <a:round/>
            <a:tailEnd type="oval"/>
          </a:ln>
        </p:spPr>
        <p:style>
          <a:lnRef idx="1">
            <a:schemeClr val="accent1"/>
          </a:lnRef>
          <a:fillRef idx="0">
            <a:schemeClr val="accent1"/>
          </a:fillRef>
          <a:effectRef idx="0">
            <a:schemeClr val="accent1"/>
          </a:effectRef>
          <a:fontRef idx="minor">
            <a:schemeClr val="tx1"/>
          </a:fontRef>
        </p:style>
      </p:cxnSp>
      <p:sp>
        <p:nvSpPr>
          <p:cNvPr id="21" name="TextBox 21">
            <a:extLst>
              <a:ext uri="{FF2B5EF4-FFF2-40B4-BE49-F238E27FC236}">
                <a16:creationId xmlns:a16="http://schemas.microsoft.com/office/drawing/2014/main" id="{296CAAA4-EEA4-5AF5-736D-AEFE195BD86A}"/>
              </a:ext>
            </a:extLst>
          </p:cNvPr>
          <p:cNvSpPr txBox="1"/>
          <p:nvPr/>
        </p:nvSpPr>
        <p:spPr>
          <a:xfrm>
            <a:off x="187552" y="3216169"/>
            <a:ext cx="1804560" cy="338554"/>
          </a:xfrm>
          <a:prstGeom prst="rect">
            <a:avLst/>
          </a:prstGeom>
          <a:noFill/>
        </p:spPr>
        <p:txBody>
          <a:bodyPr wrap="square" rtlCol="0">
            <a:spAutoFit/>
          </a:bodyPr>
          <a:lstStyle/>
          <a:p>
            <a:pPr algn="r"/>
            <a:r>
              <a:rPr lang="en-US" sz="1600" b="1">
                <a:solidFill>
                  <a:schemeClr val="tx1">
                    <a:lumMod val="75000"/>
                    <a:lumOff val="25000"/>
                  </a:schemeClr>
                </a:solidFill>
                <a:latin typeface="+mj-lt"/>
                <a:ea typeface="Lato" charset="0"/>
                <a:cs typeface="Lato" charset="0"/>
              </a:rPr>
              <a:t>Networking</a:t>
            </a:r>
          </a:p>
        </p:txBody>
      </p:sp>
      <p:sp>
        <p:nvSpPr>
          <p:cNvPr id="22" name="7 CuadroTexto">
            <a:extLst>
              <a:ext uri="{FF2B5EF4-FFF2-40B4-BE49-F238E27FC236}">
                <a16:creationId xmlns:a16="http://schemas.microsoft.com/office/drawing/2014/main" id="{7C76694D-E566-E1CD-55C9-D6B858EF752B}"/>
              </a:ext>
            </a:extLst>
          </p:cNvPr>
          <p:cNvSpPr txBox="1"/>
          <p:nvPr/>
        </p:nvSpPr>
        <p:spPr>
          <a:xfrm>
            <a:off x="0" y="3397908"/>
            <a:ext cx="1992112" cy="749308"/>
          </a:xfrm>
          <a:prstGeom prst="rect">
            <a:avLst/>
          </a:prstGeom>
          <a:noFill/>
        </p:spPr>
        <p:txBody>
          <a:bodyPr wrap="square">
            <a:spAutoFit/>
          </a:bodyPr>
          <a:lstStyle/>
          <a:p>
            <a:pPr algn="r">
              <a:lnSpc>
                <a:spcPts val="1280"/>
              </a:lnSpc>
              <a:defRPr/>
            </a:pPr>
            <a:endParaRPr lang="en-US" sz="900" dirty="0">
              <a:solidFill>
                <a:schemeClr val="bg1">
                  <a:lumMod val="50000"/>
                </a:schemeClr>
              </a:solidFill>
              <a:latin typeface="+mj-lt"/>
              <a:ea typeface="Lato" charset="0"/>
              <a:cs typeface="Lato" charset="0"/>
            </a:endParaRPr>
          </a:p>
          <a:p>
            <a:pPr algn="r">
              <a:lnSpc>
                <a:spcPts val="1280"/>
              </a:lnSpc>
              <a:defRPr/>
            </a:pPr>
            <a:r>
              <a:rPr lang="en-US" sz="1000" dirty="0">
                <a:solidFill>
                  <a:schemeClr val="bg1">
                    <a:lumMod val="50000"/>
                  </a:schemeClr>
                </a:solidFill>
                <a:latin typeface="+mj-lt"/>
                <a:ea typeface="Lato" charset="0"/>
                <a:cs typeface="Lato" charset="0"/>
              </a:rPr>
              <a:t>Expand your own network during the xxx event.</a:t>
            </a:r>
          </a:p>
          <a:p>
            <a:pPr algn="r">
              <a:lnSpc>
                <a:spcPts val="1280"/>
              </a:lnSpc>
              <a:defRPr/>
            </a:pPr>
            <a:endParaRPr lang="en-US" sz="900" dirty="0">
              <a:solidFill>
                <a:schemeClr val="bg1">
                  <a:lumMod val="50000"/>
                </a:schemeClr>
              </a:solidFill>
              <a:latin typeface="+mj-lt"/>
              <a:ea typeface="Lato" charset="0"/>
              <a:cs typeface="Lato" charset="0"/>
            </a:endParaRPr>
          </a:p>
        </p:txBody>
      </p:sp>
      <p:sp>
        <p:nvSpPr>
          <p:cNvPr id="23" name="Textfeld 22">
            <a:extLst>
              <a:ext uri="{FF2B5EF4-FFF2-40B4-BE49-F238E27FC236}">
                <a16:creationId xmlns:a16="http://schemas.microsoft.com/office/drawing/2014/main" id="{FAD16863-DE59-FD81-5371-D2263897B36D}"/>
              </a:ext>
            </a:extLst>
          </p:cNvPr>
          <p:cNvSpPr txBox="1"/>
          <p:nvPr/>
        </p:nvSpPr>
        <p:spPr>
          <a:xfrm>
            <a:off x="352876" y="4207035"/>
            <a:ext cx="1998752" cy="276999"/>
          </a:xfrm>
          <a:prstGeom prst="rect">
            <a:avLst/>
          </a:prstGeom>
          <a:solidFill>
            <a:schemeClr val="accent2"/>
          </a:solidFill>
        </p:spPr>
        <p:txBody>
          <a:bodyPr wrap="none" rtlCol="0">
            <a:spAutoFit/>
          </a:bodyPr>
          <a:lstStyle/>
          <a:p>
            <a:r>
              <a:rPr lang="de-DE" sz="1200" dirty="0">
                <a:hlinkClick r:id="rId3"/>
              </a:rPr>
              <a:t>Go </a:t>
            </a:r>
            <a:r>
              <a:rPr lang="de-DE" sz="1200" dirty="0" err="1">
                <a:hlinkClick r:id="rId3"/>
              </a:rPr>
              <a:t>to</a:t>
            </a:r>
            <a:r>
              <a:rPr lang="de-DE" sz="1200" dirty="0">
                <a:hlinkClick r:id="rId3"/>
              </a:rPr>
              <a:t> </a:t>
            </a:r>
            <a:r>
              <a:rPr lang="de-DE" sz="1200" dirty="0" err="1">
                <a:hlinkClick r:id="rId3"/>
              </a:rPr>
              <a:t>membership</a:t>
            </a:r>
            <a:r>
              <a:rPr lang="de-DE" sz="1200" dirty="0">
                <a:hlinkClick r:id="rId3"/>
              </a:rPr>
              <a:t> </a:t>
            </a:r>
            <a:r>
              <a:rPr lang="de-DE" sz="1200" dirty="0" err="1">
                <a:hlinkClick r:id="rId3"/>
              </a:rPr>
              <a:t>structure</a:t>
            </a:r>
            <a:endParaRPr lang="de-CH" sz="1200" dirty="0"/>
          </a:p>
        </p:txBody>
      </p:sp>
    </p:spTree>
    <p:extLst>
      <p:ext uri="{BB962C8B-B14F-4D97-AF65-F5344CB8AC3E}">
        <p14:creationId xmlns:p14="http://schemas.microsoft.com/office/powerpoint/2010/main" val="475217914"/>
      </p:ext>
    </p:extLst>
  </p:cSld>
  <p:clrMapOvr>
    <a:masterClrMapping/>
  </p:clrMapOvr>
</p:sld>
</file>

<file path=ppt/theme/theme1.xml><?xml version="1.0" encoding="utf-8"?>
<a:theme xmlns:a="http://schemas.openxmlformats.org/drawingml/2006/main" name="UNISG PPT">
  <a:themeElements>
    <a:clrScheme name="uni stgallen Colors">
      <a:dk1>
        <a:sysClr val="windowText" lastClr="000000"/>
      </a:dk1>
      <a:lt1>
        <a:sysClr val="window" lastClr="FFFFFF"/>
      </a:lt1>
      <a:dk2>
        <a:srgbClr val="0A5F2D"/>
      </a:dk2>
      <a:lt2>
        <a:srgbClr val="FFFFFF"/>
      </a:lt2>
      <a:accent1>
        <a:srgbClr val="00802F"/>
      </a:accent1>
      <a:accent2>
        <a:srgbClr val="E1D7C3"/>
      </a:accent2>
      <a:accent3>
        <a:srgbClr val="EB6969"/>
      </a:accent3>
      <a:accent4>
        <a:srgbClr val="73A5AF"/>
      </a:accent4>
      <a:accent5>
        <a:srgbClr val="FFF04B"/>
      </a:accent5>
      <a:accent6>
        <a:srgbClr val="0A5F2D"/>
      </a:accent6>
      <a:hlink>
        <a:srgbClr val="00802F"/>
      </a:hlink>
      <a:folHlink>
        <a:srgbClr val="0A5F2D"/>
      </a:folHlink>
    </a:clrScheme>
    <a:fontScheme name="uni stgallen Fonts">
      <a:majorFont>
        <a:latin typeface="Gill Sans Nova"/>
        <a:ea typeface=""/>
        <a:cs typeface=""/>
      </a:majorFont>
      <a:minorFont>
        <a:latin typeface="Gill Sans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uni_stgallen_master_01.potx" id="{30835CC8-2B5A-4E70-B341-DDAB901ED00B}" vid="{29D780FA-9373-4C8E-8A10-29358CDEA5B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21870F55-7693-4BED-BB93-08298D6C04B0}">
  <we:reference id="94886107-76f9-4f92-aa81-ee726374f3e7"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required":true,"shareValue":false,"type":"datePicker","name":"Date","label":"Datum"},{"required":false,"placeholder":"","lines":1,"shareValue":false,"type":"textBox","name":"Footer","label":"Fusszeile"},{"defaultValue":{"fixedValue":true},"shareValue":false,"type":"checkBox","name":"FooterLogo","label":"mit Logo in der Fusszeile"}],"formDataEntries":[{"name":"Date","value":"CVEV4ZPGFpQwcB+3WAdBzQ=="},{"name":"FooterLogo","value":"iTzqZGj1P6MRGUQq8ahlhA=="}]}]]></TemplafyFormConfiguration>
</file>

<file path=customXml/item3.xml><?xml version="1.0" encoding="utf-8"?>
<TemplafyTemplateConfiguration><![CDATA[{"elementsMetadata":[{"elementConfiguration":{"binding":"{{FormatDateTime(Form.Date,Translate(\"DateFormat\"),DocumentLanguage)}}","disableUpdates":false,"type":"text"},"type":"shape","id":"37f2c22e-c8ca-4f62-8fcc-147f5dc49acc"},{"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39eb5001-678b-409b-9a61-0e5b33db57b3"},{"elementConfiguration":{"binding":"{{Form.Footer}}","disableUpdates":false,"type":"text"},"type":"shape","id":"e0ae647e-6099-429e-8af1-e7c0fb8003db"},{"elementConfiguration":{"binding":"{{UserProfile.Department.DepartmentName}}","visibility":"{{IfElse(Form.FooterLogo, VisibilityType.Hidden,VisibilityType.Visible)}}","disableUpdates":false,"type":"text"},"type":"shape","id":"701503c5-fa9f-4bcd-9f05-6df34f47fe37"},{"elementConfiguration":{"width":"{{UserProfile.Department.REFDepartmentLogo.WidthPNGPPT}}","height":"{{UserProfile.Department.REFDepartmentLogo.HeightPNGPPT}}","image":"{{UserProfile.Department.REFDepartmentLogo.ImagePNG}}","disableUpdates":false,"type":"image"},"type":"shape","id":"b547af82-2835-4403-8c5d-0088b7930ada"},{"elementConfiguration":{"binding":"{{UserProfile.Department.DepartmentName}} \n{{UserProfile.Department.DepartmentStreet}} {{UserProfile.Department.DepartmentStreetNumber}} \n{{UserProfile.Department.DepartmentPOBox}} {{UserProfile.Department.DepartmentCity}} \n{{UserProfile.Department.DepartmentCountry}} \n{{UserProfile.Department.DepartmentWebsite}}","disableUpdates":false,"type":"text"},"type":"shape","id":"7a4a6d64-d9c0-4f91-a91d-1cc053a84e50"},{"elementConfiguration":{"width":"{{UserProfile.Department.REFDepartmentLogo.WidthPNGPPT}}","height":"{{UserProfile.Department.REFDepartmentLogo.HeightPNGPPT}}","image":"{{UserProfile.Department.REFDepartmentLogo.ImagePNG}}","disableUpdates":false,"type":"image"},"type":"shape","id":"3c517c33-2d58-4835-b918-dd21a29d8239"},{"elementConfiguration":{"binding":"{{FormatDateTime(Form.Date,Translate(\"DateFormat\"),DocumentLanguage)}}","disableUpdates":false,"type":"text"},"type":"shape","id":"da9a01e3-8acd-4a4e-bc8f-9c17b234ad07"},{"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9968e5b8-3ced-4c73-944e-a2155b3e8a44"},{"elementConfiguration":{"binding":"{{Form.Footer}}","disableUpdates":false,"type":"text"},"type":"shape","id":"2dfaef08-0ae5-451d-beb8-1bb0288c9a77"},{"elementConfiguration":{"binding":"{{UserProfile.Department.DepartmentName}}","visibility":"{{IfElse(Form.FooterLogo, VisibilityType.Hidden,VisibilityType.Visible)}}","disableUpdates":false,"type":"text"},"type":"shape","id":"d9e4c7ca-c594-4972-97cf-fc81143609d3"},{"elementConfiguration":{"width":"{{UserProfile.Department.REFDepartmentLogo.WidthPNGPPT}}","height":"{{UserProfile.Department.REFDepartmentLogo.HeightPNGPPT}}","image":"{{UserProfile.Department.REFDepartmentLogo.ImagePNG}}","disableUpdates":false,"type":"image"},"type":"shape","id":"785d1364-d50b-42dd-a9cc-c026824f05f5"},{"elementConfiguration":{"binding":"{{FormatDateTime(Form.Date,Translate(\"DateFormat\"),DocumentLanguage)}}","disableUpdates":false,"type":"text"},"type":"shape","id":"fbd19eeb-96a4-426f-866f-f26618815d72"},{"elementConfiguration":{"width":"{{UserProfile.Department.REFDepartmentLogo.WidthPNGPPT}}","height":"{{UserProfile.Department.REFDepartmentLogo.HeightPNGPPT}}","image":"{{UserProfile.Department.REFDepartmentLogo.ImagePNG}}","disableUpdates":false,"type":"image"},"type":"shape","id":"00eb18f4-aff2-4d3d-abc8-d22d0dd90ecf"},{"elementConfiguration":{"binding":"{{FormatDateTime(Form.Date,Translate(\"DateFormat\"),DocumentLanguage)}}","disableUpdates":false,"type":"text"},"type":"shape","id":"8b2fa9bf-9a8d-4807-b85c-0226e86810fc"},{"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3b87c6aa-ae4c-4653-97e3-99273782cd53"},{"elementConfiguration":{"binding":"{{Form.Footer}}","disableUpdates":false,"type":"text"},"type":"shape","id":"016a7a06-210e-47d8-9263-017094529111"},{"elementConfiguration":{"binding":"{{UserProfile.Department.DepartmentName}}","visibility":"{{IfElse(Form.FooterLogo, VisibilityType.Hidden,VisibilityType.Visible)}}","disableUpdates":false,"type":"text"},"type":"shape","id":"d5168af7-f5f4-4342-a187-760e91d2058a"},{"elementConfiguration":{"binding":"{{FormatDateTime(Form.Date,Translate(\"DateFormat\"),DocumentLanguage)}}","disableUpdates":false,"type":"text"},"type":"shape","id":"b0fb3f1d-7f7a-4022-b0e4-5246b4615209"},{"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05290a3d-b50b-4a50-97c3-5870525d4a4c"},{"elementConfiguration":{"binding":"{{Form.Footer}}","disableUpdates":false,"type":"text"},"type":"shape","id":"ac57f8c0-9776-4619-9328-f7533212a109"},{"elementConfiguration":{"binding":"{{UserProfile.Department.DepartmentName}}","visibility":"{{IfElse(Form.FooterLogo, VisibilityType.Hidden,VisibilityType.Visible)}}","disableUpdates":false,"type":"text"},"type":"shape","id":"92c676b3-950e-4bbe-b87a-5fe67cd169a0"},{"elementConfiguration":{"binding":"{{FormatDateTime(Form.Date,Translate(\"DateFormat\"),DocumentLanguage)}}","disableUpdates":false,"type":"text"},"type":"shape","id":"38e46971-62d5-421c-a1a7-b907e8d781a4"},{"elementConfiguration":{"binding":"{{FormatDateTime(Form.Date,Translate(\"DateFormat\"),DocumentLanguage)}}","disableUpdates":false,"type":"text"},"type":"shape","id":"b82347d6-2fbd-4e08-afd5-6e90b7eed9f2"},{"elementConfiguration":{"binding":"{{Form.Footer}}","disableUpdates":false,"type":"text"},"type":"shape","id":"555153fb-c9c4-480b-8b50-b0a2a1bd7d42"},{"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35f6356b-7a20-4588-b591-cbed3a7ec183"},{"elementConfiguration":{"binding":"{{UserProfile.Department.DepartmentName}}","visibility":"{{IfElse(Form.FooterLogo, VisibilityType.Hidden,VisibilityType.Visible)}}","disableUpdates":false,"type":"text"},"type":"shape","id":"0b707f06-a103-46c1-9359-6d015ef9d626"},{"elementConfiguration":{"binding":"{{FormatDateTime(Form.Date,Translate(\"DateFormat\"),DocumentLanguage)}}","disableUpdates":false,"type":"text"},"type":"shape","id":"60214b4b-0aa2-48b1-b200-74fd54f28883"},{"elementConfiguration":{"width":"{{UserProfile.Department.REFDepartmentLogo.WidthPNGPPTFooter}}","height":"{{UserProfile.Department.REFDepartmentLogo.HeightPNGPPTFooter}}","image":"{{UserProfile.Department.REFDepartmentLogo.ImagePNG}}","visibility":"{{IfElse(Form.FooterLogo, VisibilityType.Visible,VisibilityType.Hidden)}}","disableUpdates":false,"type":"image"},"type":"shape","id":"aac643c1-f1f1-4774-b968-cf33ea55849b"},{"elementConfiguration":{"binding":"{{Form.Footer}}","disableUpdates":false,"type":"text"},"type":"shape","id":"e985b3a3-2e16-42ed-97c1-74aa76b1bd68"},{"elementConfiguration":{"binding":"{{UserProfile.Department.DepartmentName}}","visibility":"{{IfElse(Form.FooterLogo, VisibilityType.Hidden,VisibilityType.Visible)}}","disableUpdates":false,"type":"text"},"type":"shape","id":"1a7d2b30-a72b-46cb-a878-fa1fb4704347"}],"transformationConfigurations":[{"language":"{{UserProfile.DocumentLanguage.Language}}","disableUpdates":false,"type":"proofingLanguage"},{"propertyName":"creator","propertyValue":"{{UserProfile.FirstName}} {{UserProfile.LastName}}","disableUpdates":false,"type":"documentProperty"},{"propertyName":"title","propertyValue":"Presentation - University of St.Gallen","disableUpdates":false,"type":"documentProperty"}],"templateName":"UNISG Präsentation","templateDescription":"","enableDocumentContentUpdater":true,"version":"2.0"}]]></TemplafyTemplateConfiguration>
</file>

<file path=customXml/item4.xml><?xml version="1.0" encoding="utf-8"?>
<ct:contentTypeSchema xmlns:ct="http://schemas.microsoft.com/office/2006/metadata/contentType" xmlns:ma="http://schemas.microsoft.com/office/2006/metadata/properties/metaAttributes" ct:_="" ma:_="" ma:contentTypeName="Dokument" ma:contentTypeID="0x010100128266ECEBCD4443AE2396AF8F99250B" ma:contentTypeVersion="12" ma:contentTypeDescription="Ein neues Dokument erstellen." ma:contentTypeScope="" ma:versionID="ceaad80da90f65b74cb959e4256374af">
  <xsd:schema xmlns:xsd="http://www.w3.org/2001/XMLSchema" xmlns:xs="http://www.w3.org/2001/XMLSchema" xmlns:p="http://schemas.microsoft.com/office/2006/metadata/properties" xmlns:ns2="66452eb6-52ca-4247-83fe-2c696568c3fa" xmlns:ns3="da218ba1-e80d-4204-a8c8-4339295b2662" targetNamespace="http://schemas.microsoft.com/office/2006/metadata/properties" ma:root="true" ma:fieldsID="71dbff69cbb38d44d6613e7652b484f3" ns2:_="" ns3:_="">
    <xsd:import namespace="66452eb6-52ca-4247-83fe-2c696568c3fa"/>
    <xsd:import namespace="da218ba1-e80d-4204-a8c8-4339295b2662"/>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3:SharedWithUsers" minOccurs="0"/>
                <xsd:element ref="ns3:SharedWithDetail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6452eb6-52ca-4247-83fe-2c696568c3f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lcf76f155ced4ddcb4097134ff3c332f" ma:index="18" nillable="true" ma:taxonomy="true" ma:internalName="lcf76f155ced4ddcb4097134ff3c332f" ma:taxonomyFieldName="MediaServiceImageTags" ma:displayName="Bildmarkierungen" ma:readOnly="false" ma:fieldId="{5cf76f15-5ced-4ddc-b409-7134ff3c332f}" ma:taxonomyMulti="true" ma:sspId="e6e639ec-35b1-4635-902a-5d5459502348"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da218ba1-e80d-4204-a8c8-4339295b2662" elementFormDefault="qualified">
    <xsd:import namespace="http://schemas.microsoft.com/office/2006/documentManagement/types"/>
    <xsd:import namespace="http://schemas.microsoft.com/office/infopath/2007/PartnerControls"/>
    <xsd:element name="SharedWithUsers" ma:index="15" nillable="true" ma:displayName="Freigegeben für"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Freigegeben für - Details" ma:internalName="SharedWithDetails" ma:readOnly="true">
      <xsd:simpleType>
        <xsd:restriction base="dms:Note">
          <xsd:maxLength value="255"/>
        </xsd:restriction>
      </xsd:simpleType>
    </xsd:element>
    <xsd:element name="TaxCatchAll" ma:index="19" nillable="true" ma:displayName="Taxonomy Catch All Column" ma:hidden="true" ma:list="{35c894f9-a65e-4df2-9bab-bdd374492d49}" ma:internalName="TaxCatchAll" ma:showField="CatchAllData" ma:web="da218ba1-e80d-4204-a8c8-4339295b266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altstyp"/>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66452eb6-52ca-4247-83fe-2c696568c3fa">
      <Terms xmlns="http://schemas.microsoft.com/office/infopath/2007/PartnerControls"/>
    </lcf76f155ced4ddcb4097134ff3c332f>
    <TaxCatchAll xmlns="da218ba1-e80d-4204-a8c8-4339295b2662" xsi:nil="true"/>
    <SharedWithUsers xmlns="da218ba1-e80d-4204-a8c8-4339295b2662">
      <UserInfo>
        <DisplayName>Kramer, Evelina</DisplayName>
        <AccountId>53</AccountId>
        <AccountType/>
      </UserInfo>
      <UserInfo>
        <DisplayName>Weise, JanaLea</DisplayName>
        <AccountId>46</AccountId>
        <AccountType/>
      </UserInfo>
    </SharedWithUsers>
  </documentManagement>
</p:properties>
</file>

<file path=customXml/item6.xml><?xml version="1.0" encoding="utf-8"?>
<TemplafySlideTemplateConfiguration><![CDATA[{"slideVersion":1,"isValidatorEnabled":false,"isLocked":false,"elementsMetadata":[{"elementConfiguration":{"width":"{{UserProfile.Department.REFDepartmentLogo.WidthPNGPPT}}","height":"{{UserProfile.Department.REFDepartmentLogo.HeightPNGPPT}}","image":"{{UserProfile.Department.REFDepartmentLogo.ImagePNG}}","disableUpdates":false,"type":"image"},"type":"shape"},{"elementConfiguration":{"binding":"{{UserProfile.Department.DepartmentName}} \n{{UserProfile.Department.DepartmentStreet}} {{UserProfile.Department.DepartmentStreetNumber}} \n{{UserProfile.Department.DepartmentPOBox}} {{UserProfile.Department.DepartmentCity}} \n{{UserProfile.Department.DepartmentCountry}} \n{{UserProfile.Department.DepartmentWebsite}}","disableUpdates":false,"type":"text"},"type":"shape"}],"slideId":"637750113834283378","enableDocumentContentUpdater":true,"version":"2.0"}]]></TemplafySlideTemplateConfiguration>
</file>

<file path=customXml/item7.xml><?xml version="1.0" encoding="utf-8"?>
<TemplafySlideFormConfiguration><![CDATA[{"formFields":[],"formDataEntries":[]}]]></TemplafySlideFormConfiguration>
</file>

<file path=customXml/itemProps1.xml><?xml version="1.0" encoding="utf-8"?>
<ds:datastoreItem xmlns:ds="http://schemas.openxmlformats.org/officeDocument/2006/customXml" ds:itemID="{ED2A37DE-9640-4BAD-87EB-02349D3561C8}">
  <ds:schemaRefs>
    <ds:schemaRef ds:uri="http://schemas.microsoft.com/sharepoint/v3/contenttype/forms"/>
  </ds:schemaRefs>
</ds:datastoreItem>
</file>

<file path=customXml/itemProps2.xml><?xml version="1.0" encoding="utf-8"?>
<ds:datastoreItem xmlns:ds="http://schemas.openxmlformats.org/officeDocument/2006/customXml" ds:itemID="{9BA6235D-7E1A-4B9C-ADE5-24E162A87D03}">
  <ds:schemaRefs/>
</ds:datastoreItem>
</file>

<file path=customXml/itemProps3.xml><?xml version="1.0" encoding="utf-8"?>
<ds:datastoreItem xmlns:ds="http://schemas.openxmlformats.org/officeDocument/2006/customXml" ds:itemID="{DD23DDCC-ABAF-42D1-9CB2-07E72D883C32}">
  <ds:schemaRefs/>
</ds:datastoreItem>
</file>

<file path=customXml/itemProps4.xml><?xml version="1.0" encoding="utf-8"?>
<ds:datastoreItem xmlns:ds="http://schemas.openxmlformats.org/officeDocument/2006/customXml" ds:itemID="{197FD038-F0CC-429E-821C-4E3FEF8ADA03}">
  <ds:schemaRefs>
    <ds:schemaRef ds:uri="66452eb6-52ca-4247-83fe-2c696568c3fa"/>
    <ds:schemaRef ds:uri="da218ba1-e80d-4204-a8c8-4339295b2662"/>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5.xml><?xml version="1.0" encoding="utf-8"?>
<ds:datastoreItem xmlns:ds="http://schemas.openxmlformats.org/officeDocument/2006/customXml" ds:itemID="{6567BD5C-CC0C-4648-BED2-6CE28F06E5A9}">
  <ds:schemaRefs>
    <ds:schemaRef ds:uri="http://purl.org/dc/dcmitype/"/>
    <ds:schemaRef ds:uri="http://schemas.microsoft.com/office/2006/documentManagement/types"/>
    <ds:schemaRef ds:uri="66452eb6-52ca-4247-83fe-2c696568c3fa"/>
    <ds:schemaRef ds:uri="http://schemas.openxmlformats.org/package/2006/metadata/core-properties"/>
    <ds:schemaRef ds:uri="http://purl.org/dc/elements/1.1/"/>
    <ds:schemaRef ds:uri="http://schemas.microsoft.com/office/infopath/2007/PartnerControls"/>
    <ds:schemaRef ds:uri="http://www.w3.org/XML/1998/namespace"/>
    <ds:schemaRef ds:uri="da218ba1-e80d-4204-a8c8-4339295b2662"/>
    <ds:schemaRef ds:uri="http://schemas.microsoft.com/office/2006/metadata/properties"/>
    <ds:schemaRef ds:uri="http://purl.org/dc/terms/"/>
  </ds:schemaRefs>
</ds:datastoreItem>
</file>

<file path=customXml/itemProps6.xml><?xml version="1.0" encoding="utf-8"?>
<ds:datastoreItem xmlns:ds="http://schemas.openxmlformats.org/officeDocument/2006/customXml" ds:itemID="{5CDA3866-4191-4ABE-B434-81C70850BD71}">
  <ds:schemaRefs/>
</ds:datastoreItem>
</file>

<file path=customXml/itemProps7.xml><?xml version="1.0" encoding="utf-8"?>
<ds:datastoreItem xmlns:ds="http://schemas.openxmlformats.org/officeDocument/2006/customXml" ds:itemID="{B77E3FB8-6B77-4C09-82A2-9AF5ACD3601A}">
  <ds:schemaRefs/>
</ds:datastoreItem>
</file>

<file path=docProps/app.xml><?xml version="1.0" encoding="utf-8"?>
<Properties xmlns="http://schemas.openxmlformats.org/officeDocument/2006/extended-properties" xmlns:vt="http://schemas.openxmlformats.org/officeDocument/2006/docPropsVTypes">
  <Template>uni_stgallen_master_01</Template>
  <TotalTime>0</TotalTime>
  <Words>357</Words>
  <Application>Microsoft Office PowerPoint</Application>
  <PresentationFormat>Bildschirmpräsentation (16:9)</PresentationFormat>
  <Paragraphs>78</Paragraphs>
  <Slides>10</Slides>
  <Notes>0</Notes>
  <HiddenSlides>0</HiddenSlides>
  <MMClips>0</MMClips>
  <ScaleCrop>false</ScaleCrop>
  <HeadingPairs>
    <vt:vector size="6" baseType="variant">
      <vt:variant>
        <vt:lpstr>Verwendete Schriftarten</vt:lpstr>
      </vt:variant>
      <vt:variant>
        <vt:i4>5</vt:i4>
      </vt:variant>
      <vt:variant>
        <vt:lpstr>Design</vt:lpstr>
      </vt:variant>
      <vt:variant>
        <vt:i4>1</vt:i4>
      </vt:variant>
      <vt:variant>
        <vt:lpstr>Folientitel</vt:lpstr>
      </vt:variant>
      <vt:variant>
        <vt:i4>10</vt:i4>
      </vt:variant>
    </vt:vector>
  </HeadingPairs>
  <TitlesOfParts>
    <vt:vector size="16" baseType="lpstr">
      <vt:lpstr>Arial</vt:lpstr>
      <vt:lpstr>Calibri</vt:lpstr>
      <vt:lpstr>Gill Alt One MT Light</vt:lpstr>
      <vt:lpstr>Gill Sans Nova</vt:lpstr>
      <vt:lpstr>Gill Sans Nova Light</vt:lpstr>
      <vt:lpstr>UNISG PPT</vt:lpstr>
      <vt:lpstr>PowerPoint-Präsentation</vt:lpstr>
      <vt:lpstr>HSG Alumni Over 180 HSG Alumni Clubs on five continents</vt:lpstr>
      <vt:lpstr>HSG Alumni Our vision</vt:lpstr>
      <vt:lpstr>PowerPoint-Präsentation</vt:lpstr>
      <vt:lpstr>Information about the Club</vt:lpstr>
      <vt:lpstr>Information about the Activity/Event</vt:lpstr>
      <vt:lpstr>Mood pictures from previous events</vt:lpstr>
      <vt:lpstr>„Club name“ Sponsoring packages</vt:lpstr>
      <vt:lpstr>„Club name“ Your benefits as a sponsor</vt:lpstr>
      <vt:lpstr>Thank you.</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 University of St.Gallen</dc:title>
  <dc:creator>Sascha Bianchi</dc:creator>
  <cp:lastModifiedBy>Bianchi, Sascha</cp:lastModifiedBy>
  <cp:revision>2</cp:revision>
  <dcterms:created xsi:type="dcterms:W3CDTF">2023-01-19T07:37:56Z</dcterms:created>
  <dcterms:modified xsi:type="dcterms:W3CDTF">2023-02-08T10:35: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28266ECEBCD4443AE2396AF8F99250B</vt:lpwstr>
  </property>
  <property fmtid="{D5CDD505-2E9C-101B-9397-08002B2CF9AE}" pid="3" name="TemplafyTimeStamp">
    <vt:lpwstr>2022-11-02T12:51:21</vt:lpwstr>
  </property>
  <property fmtid="{D5CDD505-2E9C-101B-9397-08002B2CF9AE}" pid="4" name="MediaServiceImageTags">
    <vt:lpwstr/>
  </property>
  <property fmtid="{D5CDD505-2E9C-101B-9397-08002B2CF9AE}" pid="5" name="TemplafyTenantId">
    <vt:lpwstr>unisg</vt:lpwstr>
  </property>
  <property fmtid="{D5CDD505-2E9C-101B-9397-08002B2CF9AE}" pid="6" name="TemplafyTemplateId">
    <vt:lpwstr>637700762909751978</vt:lpwstr>
  </property>
  <property fmtid="{D5CDD505-2E9C-101B-9397-08002B2CF9AE}" pid="7" name="TemplafyUserProfileId">
    <vt:lpwstr>637951019087741861</vt:lpwstr>
  </property>
  <property fmtid="{D5CDD505-2E9C-101B-9397-08002B2CF9AE}" pid="8" name="TemplafyLanguageCode">
    <vt:lpwstr>de-CH</vt:lpwstr>
  </property>
  <property fmtid="{D5CDD505-2E9C-101B-9397-08002B2CF9AE}" pid="9" name="TemplafyFromBlank">
    <vt:bool>false</vt:bool>
  </property>
</Properties>
</file>